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R01年度分\☆HP原稿\02_項目別（統計以降）（Excel）\01_統計\"/>
    </mc:Choice>
  </mc:AlternateContent>
  <bookViews>
    <workbookView xWindow="0" yWindow="0" windowWidth="23016" windowHeight="7344"/>
  </bookViews>
  <sheets>
    <sheet name="第13表" sheetId="1" r:id="rId1"/>
    <sheet name="第14表" sheetId="3" r:id="rId2"/>
    <sheet name="第15表１～５" sheetId="4" r:id="rId3"/>
    <sheet name="第15表６～８" sheetId="12" r:id="rId4"/>
    <sheet name="第15表９～11" sheetId="13" r:id="rId5"/>
    <sheet name="第16表１～４" sheetId="5" r:id="rId6"/>
    <sheet name="第1７表" sheetId="9" r:id="rId7"/>
    <sheet name="第18表" sheetId="10" r:id="rId8"/>
    <sheet name="第19表" sheetId="11" r:id="rId9"/>
  </sheets>
  <externalReferences>
    <externalReference r:id="rId10"/>
    <externalReference r:id="rId11"/>
    <externalReference r:id="rId12"/>
  </externalReferences>
  <definedNames>
    <definedName name="__123Graph_A" hidden="1">第13表!#REF!</definedName>
    <definedName name="__123Graph_B" hidden="1">第13表!#REF!</definedName>
    <definedName name="__123Graph_C" hidden="1">第13表!#REF!</definedName>
    <definedName name="__123Graph_D" hidden="1">第13表!#REF!</definedName>
    <definedName name="__123Graph_E" hidden="1">第13表!#REF!</definedName>
    <definedName name="__123Graph_F" hidden="1">第13表!$P$18:$P$28</definedName>
    <definedName name="_Fill" localSheetId="1" hidden="1">第14表!#REF!</definedName>
    <definedName name="_Fill" localSheetId="3" hidden="1">#REF!</definedName>
    <definedName name="_Fill" localSheetId="4" hidden="1">#REF!</definedName>
    <definedName name="_Fill" hidden="1">#REF!</definedName>
    <definedName name="_xlnm._FilterDatabase" localSheetId="1" hidden="1">第14表!$A$6:$M$58</definedName>
    <definedName name="_Key1" localSheetId="1" hidden="1">第14表!#REF!</definedName>
    <definedName name="_Key1" localSheetId="2" hidden="1">#REF!</definedName>
    <definedName name="_Key1" localSheetId="3" hidden="1">#REF!</definedName>
    <definedName name="_Key1" localSheetId="4" hidden="1">#REF!</definedName>
    <definedName name="_Key1" localSheetId="5" hidden="1">#REF!</definedName>
    <definedName name="_Key1" hidden="1">#REF!</definedName>
    <definedName name="_Order1" hidden="1">0</definedName>
    <definedName name="_Regression_Int" localSheetId="0" hidden="1">1</definedName>
    <definedName name="_Regression_Int" localSheetId="1" hidden="1">1</definedName>
    <definedName name="\a" localSheetId="1">第14表!#REF!</definedName>
    <definedName name="\a" localSheetId="3">#REF!</definedName>
    <definedName name="\a" localSheetId="4">#REF!</definedName>
    <definedName name="\a">第13表!#REF!</definedName>
    <definedName name="\b" localSheetId="1">第14表!#REF!</definedName>
    <definedName name="\b" localSheetId="2">#REF!</definedName>
    <definedName name="\b" localSheetId="3">#REF!</definedName>
    <definedName name="\b" localSheetId="4">#REF!</definedName>
    <definedName name="\b" localSheetId="5">#REF!</definedName>
    <definedName name="\b">#REF!</definedName>
    <definedName name="aaaaa" hidden="1">#REF!</definedName>
    <definedName name="_xlnm.Print_Area" localSheetId="0">第13表!$A$1:$CD$48</definedName>
    <definedName name="_xlnm.Print_Area" localSheetId="1">第14表!$A$1:$M$56</definedName>
    <definedName name="_xlnm.Print_Area" localSheetId="2">'第15表１～５'!$A$1:$BW$49</definedName>
    <definedName name="_xlnm.Print_Area" localSheetId="3">'第15表６～８'!$A$1:$BB$49</definedName>
    <definedName name="_xlnm.Print_Area" localSheetId="4">'第15表９～11'!$A$1:$AQ$49</definedName>
    <definedName name="_xlnm.Print_Area" localSheetId="5">'第16表１～４'!$A$1:$BI$49</definedName>
    <definedName name="_xlnm.Print_Area" localSheetId="6">第1７表!$A$1:$F$46</definedName>
    <definedName name="_xlnm.Print_Area" localSheetId="7">第18表!$A$1:$J$49</definedName>
    <definedName name="_xlnm.Print_Area" localSheetId="8">第19表!$A$1:$L$47</definedName>
    <definedName name="Print_Area_MI" localSheetId="0">第13表!$AT$3:$AX$32</definedName>
    <definedName name="Print_Area_MI" localSheetId="1">第14表!$A$1:$M$54</definedName>
    <definedName name="_xlnm.Print_Titles" localSheetId="7">第18表!$A:$B</definedName>
    <definedName name="_xlnm.Print_Titles" localSheetId="8">第19表!$A:$B</definedName>
    <definedName name="Print_Titles_MI" localSheetId="0">第13表!$A:$A</definedName>
    <definedName name="qqqq">#REF!</definedName>
    <definedName name="デｰタ消去">[1]!デｰタ消去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419" uniqueCount="572">
  <si>
    <t>３．給付状況</t>
    <rPh sb="2" eb="4">
      <t>キュウフ</t>
    </rPh>
    <rPh sb="4" eb="6">
      <t>ジョウキョウ</t>
    </rPh>
    <phoneticPr fontId="4"/>
  </si>
  <si>
    <t>第13表　月別保険給付状況－１</t>
    <phoneticPr fontId="4"/>
  </si>
  <si>
    <t>(金額は千円単位)</t>
    <phoneticPr fontId="4"/>
  </si>
  <si>
    <t>第13表　月別保険給付状況－２</t>
    <phoneticPr fontId="4"/>
  </si>
  <si>
    <t>(金額は千円単位)</t>
    <phoneticPr fontId="4"/>
  </si>
  <si>
    <t>第13表　月別保険給付状況－３</t>
    <phoneticPr fontId="4"/>
  </si>
  <si>
    <t>(金額は千円単位)</t>
    <phoneticPr fontId="4"/>
  </si>
  <si>
    <t>第13表　月別保険給付状況－４</t>
    <phoneticPr fontId="4"/>
  </si>
  <si>
    <t>(金額は千円単位)</t>
    <phoneticPr fontId="4"/>
  </si>
  <si>
    <t>第13表　月別保険給付状況－５</t>
    <phoneticPr fontId="4"/>
  </si>
  <si>
    <t>療養の給付等　（A）</t>
    <phoneticPr fontId="4"/>
  </si>
  <si>
    <t>療養の給付等　（A）</t>
    <phoneticPr fontId="4"/>
  </si>
  <si>
    <t>療養費等　（B）</t>
    <phoneticPr fontId="4"/>
  </si>
  <si>
    <t>療養諸費合計
（A＋B）</t>
    <phoneticPr fontId="4"/>
  </si>
  <si>
    <t xml:space="preserve">療養諸費費用額負担区分 </t>
    <phoneticPr fontId="4"/>
  </si>
  <si>
    <t>高  額  療  養  費
(再掲)</t>
    <phoneticPr fontId="4"/>
  </si>
  <si>
    <t>高額介護合算療養費
（再掲）</t>
    <rPh sb="0" eb="2">
      <t>コウガク</t>
    </rPh>
    <rPh sb="2" eb="4">
      <t>カイゴ</t>
    </rPh>
    <rPh sb="4" eb="6">
      <t>ガッサン</t>
    </rPh>
    <rPh sb="6" eb="9">
      <t>リョウヨウヒ</t>
    </rPh>
    <rPh sb="11" eb="13">
      <t>サイケイ</t>
    </rPh>
    <phoneticPr fontId="4"/>
  </si>
  <si>
    <t>その他の保険給付　（C）</t>
    <phoneticPr fontId="4"/>
  </si>
  <si>
    <t>保険給付総計
（A＋B＋C）</t>
    <rPh sb="0" eb="1">
      <t>タモツ</t>
    </rPh>
    <rPh sb="1" eb="2">
      <t>ケン</t>
    </rPh>
    <rPh sb="2" eb="3">
      <t>キュウ</t>
    </rPh>
    <rPh sb="3" eb="4">
      <t>ヅケ</t>
    </rPh>
    <rPh sb="4" eb="5">
      <t>フサ</t>
    </rPh>
    <rPh sb="5" eb="6">
      <t>ケイ</t>
    </rPh>
    <phoneticPr fontId="4"/>
  </si>
  <si>
    <t>療養給付諸率</t>
    <phoneticPr fontId="4"/>
  </si>
  <si>
    <t>年度別</t>
  </si>
  <si>
    <t>診　　療　　費</t>
    <phoneticPr fontId="4"/>
  </si>
  <si>
    <t>調剤</t>
    <rPh sb="0" eb="2">
      <t>チョウザイ</t>
    </rPh>
    <phoneticPr fontId="4"/>
  </si>
  <si>
    <t>食事療養・生活療養</t>
    <rPh sb="5" eb="7">
      <t>セイカツ</t>
    </rPh>
    <rPh sb="7" eb="9">
      <t>リョウヨウ</t>
    </rPh>
    <phoneticPr fontId="4"/>
  </si>
  <si>
    <t>訪問看護</t>
    <phoneticPr fontId="4"/>
  </si>
  <si>
    <t>合計</t>
    <phoneticPr fontId="4"/>
  </si>
  <si>
    <t>食事療養生活療養件数</t>
    <rPh sb="4" eb="6">
      <t>セイカツ</t>
    </rPh>
    <rPh sb="6" eb="8">
      <t>リョウヨウ</t>
    </rPh>
    <rPh sb="8" eb="10">
      <t>ケンスウ</t>
    </rPh>
    <phoneticPr fontId="4"/>
  </si>
  <si>
    <t xml:space="preserve">療     養     費     </t>
  </si>
  <si>
    <t>移送費</t>
    <phoneticPr fontId="4"/>
  </si>
  <si>
    <t>保険者
負担分
(千円)</t>
    <rPh sb="0" eb="2">
      <t>ホケン</t>
    </rPh>
    <rPh sb="2" eb="3">
      <t>シャ</t>
    </rPh>
    <rPh sb="4" eb="7">
      <t>フタンブン</t>
    </rPh>
    <phoneticPr fontId="4"/>
  </si>
  <si>
    <t>一部負担金
(千円)</t>
    <phoneticPr fontId="4"/>
  </si>
  <si>
    <t>他方負担分
(千円)</t>
    <rPh sb="0" eb="2">
      <t>タホウ</t>
    </rPh>
    <rPh sb="2" eb="5">
      <t>フタンブン</t>
    </rPh>
    <phoneticPr fontId="4"/>
  </si>
  <si>
    <t>出産育児一時金</t>
    <phoneticPr fontId="4"/>
  </si>
  <si>
    <t>育 児 手 当</t>
  </si>
  <si>
    <t>葬 祭 手 当</t>
  </si>
  <si>
    <t>傷　病　手　当　金</t>
    <rPh sb="0" eb="1">
      <t>キズ</t>
    </rPh>
    <rPh sb="2" eb="3">
      <t>ビョウ</t>
    </rPh>
    <rPh sb="4" eb="5">
      <t>テ</t>
    </rPh>
    <rPh sb="6" eb="7">
      <t>トウ</t>
    </rPh>
    <rPh sb="8" eb="9">
      <t>キン</t>
    </rPh>
    <phoneticPr fontId="4"/>
  </si>
  <si>
    <t>出　産　手　当　金</t>
    <rPh sb="0" eb="1">
      <t>デ</t>
    </rPh>
    <rPh sb="2" eb="3">
      <t>サン</t>
    </rPh>
    <rPh sb="4" eb="5">
      <t>テ</t>
    </rPh>
    <rPh sb="6" eb="7">
      <t>トウ</t>
    </rPh>
    <rPh sb="8" eb="9">
      <t>キン</t>
    </rPh>
    <phoneticPr fontId="4"/>
  </si>
  <si>
    <t>その他</t>
  </si>
  <si>
    <t>合計</t>
    <phoneticPr fontId="4"/>
  </si>
  <si>
    <t>１００人当たり受診件数</t>
  </si>
  <si>
    <t>１件当たり日数</t>
    <phoneticPr fontId="4"/>
  </si>
  <si>
    <t>1日当たり医療費・診療費  (円)</t>
    <rPh sb="5" eb="6">
      <t>イ</t>
    </rPh>
    <rPh sb="9" eb="11">
      <t>シンリョウ</t>
    </rPh>
    <rPh sb="11" eb="12">
      <t>ヒ</t>
    </rPh>
    <phoneticPr fontId="4"/>
  </si>
  <si>
    <t>月  別</t>
  </si>
  <si>
    <t>入院</t>
    <phoneticPr fontId="4"/>
  </si>
  <si>
    <t>入院外</t>
    <phoneticPr fontId="4"/>
  </si>
  <si>
    <t>歯科</t>
    <phoneticPr fontId="4"/>
  </si>
  <si>
    <t>小    計</t>
    <phoneticPr fontId="4"/>
  </si>
  <si>
    <t>診療費</t>
    <phoneticPr fontId="4"/>
  </si>
  <si>
    <t>補　装　具</t>
    <rPh sb="0" eb="1">
      <t>タスク</t>
    </rPh>
    <rPh sb="2" eb="3">
      <t>ソウ</t>
    </rPh>
    <rPh sb="4" eb="5">
      <t>グ</t>
    </rPh>
    <phoneticPr fontId="4"/>
  </si>
  <si>
    <t>柔　道　整　復　師</t>
    <rPh sb="0" eb="1">
      <t>ジュウ</t>
    </rPh>
    <rPh sb="2" eb="3">
      <t>ミチ</t>
    </rPh>
    <rPh sb="4" eb="5">
      <t>タダシ</t>
    </rPh>
    <rPh sb="6" eb="7">
      <t>マタ</t>
    </rPh>
    <rPh sb="8" eb="9">
      <t>シ</t>
    </rPh>
    <phoneticPr fontId="4"/>
  </si>
  <si>
    <t>アンマ・マッサージ</t>
    <phoneticPr fontId="4"/>
  </si>
  <si>
    <t>ハリ・キュウ</t>
    <phoneticPr fontId="4"/>
  </si>
  <si>
    <t>その他</t>
    <phoneticPr fontId="4"/>
  </si>
  <si>
    <t>計</t>
  </si>
  <si>
    <t xml:space="preserve"> </t>
  </si>
  <si>
    <t xml:space="preserve"> 件数(件)</t>
  </si>
  <si>
    <t>日数 (日)</t>
  </si>
  <si>
    <t>費用額(千円)</t>
    <phoneticPr fontId="4"/>
  </si>
  <si>
    <t xml:space="preserve">件  数 </t>
    <phoneticPr fontId="4"/>
  </si>
  <si>
    <t xml:space="preserve">日  数 </t>
    <phoneticPr fontId="4"/>
  </si>
  <si>
    <t xml:space="preserve">件  数 </t>
    <phoneticPr fontId="4"/>
  </si>
  <si>
    <t xml:space="preserve">日  数 </t>
    <phoneticPr fontId="4"/>
  </si>
  <si>
    <t xml:space="preserve">  件  数 (件)</t>
    <phoneticPr fontId="4"/>
  </si>
  <si>
    <t>処方枚数</t>
  </si>
  <si>
    <t>費用額(千円)</t>
  </si>
  <si>
    <t xml:space="preserve">件  数 </t>
    <phoneticPr fontId="4"/>
  </si>
  <si>
    <t xml:space="preserve">日  数 </t>
    <phoneticPr fontId="4"/>
  </si>
  <si>
    <t>費用額(千円)</t>
    <phoneticPr fontId="4"/>
  </si>
  <si>
    <t xml:space="preserve">件  数 </t>
    <phoneticPr fontId="4"/>
  </si>
  <si>
    <t>件数</t>
    <rPh sb="0" eb="2">
      <t>ケンスウ</t>
    </rPh>
    <phoneticPr fontId="4"/>
  </si>
  <si>
    <t>費用額(千円)</t>
    <rPh sb="0" eb="2">
      <t>ヒヨウ</t>
    </rPh>
    <rPh sb="2" eb="3">
      <t>ガク</t>
    </rPh>
    <phoneticPr fontId="4"/>
  </si>
  <si>
    <t>件 数</t>
    <phoneticPr fontId="4"/>
  </si>
  <si>
    <t>件  数</t>
    <phoneticPr fontId="4"/>
  </si>
  <si>
    <t>件数</t>
  </si>
  <si>
    <t>費用額</t>
  </si>
  <si>
    <t>件  数</t>
    <phoneticPr fontId="4"/>
  </si>
  <si>
    <t>件  数</t>
    <phoneticPr fontId="4"/>
  </si>
  <si>
    <t>費用額(千円)</t>
    <phoneticPr fontId="4"/>
  </si>
  <si>
    <t>入院</t>
    <phoneticPr fontId="4"/>
  </si>
  <si>
    <t>歯科</t>
  </si>
  <si>
    <t>入院外</t>
    <phoneticPr fontId="4"/>
  </si>
  <si>
    <t>合計</t>
    <rPh sb="0" eb="2">
      <t>ゴウケイ</t>
    </rPh>
    <phoneticPr fontId="4"/>
  </si>
  <si>
    <t>-</t>
  </si>
  <si>
    <t>平成21年度</t>
    <phoneticPr fontId="4"/>
  </si>
  <si>
    <t>平成21年度</t>
    <phoneticPr fontId="4"/>
  </si>
  <si>
    <t>平成21年度</t>
    <phoneticPr fontId="4"/>
  </si>
  <si>
    <t>平成22年度</t>
    <phoneticPr fontId="4"/>
  </si>
  <si>
    <t>平成22年度</t>
    <phoneticPr fontId="4"/>
  </si>
  <si>
    <t>平成22年度</t>
    <phoneticPr fontId="4"/>
  </si>
  <si>
    <t>平成22年度</t>
    <phoneticPr fontId="4"/>
  </si>
  <si>
    <t>平成23年度</t>
    <phoneticPr fontId="4"/>
  </si>
  <si>
    <t>平成23年度</t>
    <phoneticPr fontId="4"/>
  </si>
  <si>
    <t>平成24年度</t>
    <phoneticPr fontId="4"/>
  </si>
  <si>
    <t>平成24年度</t>
    <phoneticPr fontId="4"/>
  </si>
  <si>
    <t>平成25年度</t>
    <rPh sb="0" eb="2">
      <t>ヘイセイ</t>
    </rPh>
    <rPh sb="4" eb="6">
      <t>ネンド</t>
    </rPh>
    <phoneticPr fontId="4"/>
  </si>
  <si>
    <t>平成26年度</t>
  </si>
  <si>
    <t>平成27年度</t>
    <phoneticPr fontId="4"/>
  </si>
  <si>
    <t>平成27年度</t>
  </si>
  <si>
    <t>平成28年度</t>
    <rPh sb="0" eb="2">
      <t>ヘイセイ</t>
    </rPh>
    <rPh sb="4" eb="6">
      <t>ネンド</t>
    </rPh>
    <phoneticPr fontId="4"/>
  </si>
  <si>
    <t>平成28年度</t>
    <rPh sb="0" eb="2">
      <t>ヘイセイ</t>
    </rPh>
    <rPh sb="4" eb="5">
      <t>ネン</t>
    </rPh>
    <rPh sb="5" eb="6">
      <t>ド</t>
    </rPh>
    <phoneticPr fontId="4"/>
  </si>
  <si>
    <t>平成29年度</t>
  </si>
  <si>
    <t>平成30年度</t>
    <phoneticPr fontId="4"/>
  </si>
  <si>
    <t>平成30年度</t>
    <phoneticPr fontId="4"/>
  </si>
  <si>
    <t>令和元年度</t>
    <rPh sb="0" eb="2">
      <t>レイワ</t>
    </rPh>
    <rPh sb="2" eb="3">
      <t>モト</t>
    </rPh>
    <phoneticPr fontId="4"/>
  </si>
  <si>
    <t>市町村</t>
    <rPh sb="0" eb="3">
      <t>シチョウソン</t>
    </rPh>
    <phoneticPr fontId="4"/>
  </si>
  <si>
    <t>31年 3月</t>
    <phoneticPr fontId="4"/>
  </si>
  <si>
    <t>31年 3月</t>
    <phoneticPr fontId="4"/>
  </si>
  <si>
    <t>31年 4月</t>
    <phoneticPr fontId="4"/>
  </si>
  <si>
    <t>31年 4月</t>
    <phoneticPr fontId="4"/>
  </si>
  <si>
    <t>31年 4月</t>
    <phoneticPr fontId="4"/>
  </si>
  <si>
    <t>元年 5月</t>
  </si>
  <si>
    <t>元年 6月</t>
  </si>
  <si>
    <t>元年 7月</t>
  </si>
  <si>
    <t>元年 8月</t>
  </si>
  <si>
    <t>元年 9月</t>
  </si>
  <si>
    <t>元年 10月</t>
  </si>
  <si>
    <t>元年 11月</t>
  </si>
  <si>
    <t>元年 12月</t>
  </si>
  <si>
    <t>２年 1月</t>
    <phoneticPr fontId="4"/>
  </si>
  <si>
    <t>２年 1月</t>
    <phoneticPr fontId="4"/>
  </si>
  <si>
    <t>２年 1月</t>
    <phoneticPr fontId="4"/>
  </si>
  <si>
    <t>２年 2月</t>
    <phoneticPr fontId="4"/>
  </si>
  <si>
    <t>２年 2月</t>
    <phoneticPr fontId="4"/>
  </si>
  <si>
    <t>２年 2月</t>
    <phoneticPr fontId="4"/>
  </si>
  <si>
    <t>２年 2月</t>
    <phoneticPr fontId="4"/>
  </si>
  <si>
    <t>国保組合</t>
    <rPh sb="0" eb="2">
      <t>コクホ</t>
    </rPh>
    <rPh sb="2" eb="4">
      <t>クミアイ</t>
    </rPh>
    <phoneticPr fontId="4"/>
  </si>
  <si>
    <t>令和元年度</t>
    <rPh sb="0" eb="2">
      <t>レイワ</t>
    </rPh>
    <rPh sb="2" eb="3">
      <t>モト</t>
    </rPh>
    <rPh sb="3" eb="5">
      <t>ネンド</t>
    </rPh>
    <phoneticPr fontId="4"/>
  </si>
  <si>
    <t>２年 1月</t>
    <phoneticPr fontId="4"/>
  </si>
  <si>
    <t>２年 2月</t>
    <phoneticPr fontId="4"/>
  </si>
  <si>
    <t>２年 3月</t>
    <phoneticPr fontId="4"/>
  </si>
  <si>
    <t>（注）平成21年度以降は一日当たり医療費である。</t>
    <phoneticPr fontId="4"/>
  </si>
  <si>
    <t>　　　入院の医療費には食事療養・生活療養、入院外の医療費には調剤の医療費をそれぞれ合算しており、訪問看護は、BT63計のみに計上している。（療養費等は医療費に含まない。）</t>
    <phoneticPr fontId="4"/>
  </si>
  <si>
    <t>他 法 負 担 分</t>
  </si>
  <si>
    <t>（注３）　ひとり親一部負担金については、全市町村で所得制限有り</t>
    <rPh sb="1" eb="2">
      <t>チュウ</t>
    </rPh>
    <rPh sb="8" eb="9">
      <t>オヤ</t>
    </rPh>
    <rPh sb="9" eb="11">
      <t>イチブ</t>
    </rPh>
    <rPh sb="11" eb="14">
      <t>フタンキン</t>
    </rPh>
    <rPh sb="20" eb="21">
      <t>ゼン</t>
    </rPh>
    <rPh sb="21" eb="24">
      <t>シチョウソン</t>
    </rPh>
    <rPh sb="25" eb="27">
      <t>ショトク</t>
    </rPh>
    <rPh sb="27" eb="29">
      <t>セイゲン</t>
    </rPh>
    <rPh sb="29" eb="30">
      <t>ア</t>
    </rPh>
    <phoneticPr fontId="4"/>
  </si>
  <si>
    <t>（注２）　「結核」は感染症法第37条、第37条の2。「精神」は精神保健福祉法第29条、29－2、障害者自立支援法第58条適用。</t>
    <rPh sb="1" eb="2">
      <t>チュウ</t>
    </rPh>
    <rPh sb="6" eb="8">
      <t>ケッカク</t>
    </rPh>
    <rPh sb="10" eb="13">
      <t>カンセンショウ</t>
    </rPh>
    <rPh sb="13" eb="14">
      <t>ホウ</t>
    </rPh>
    <rPh sb="14" eb="15">
      <t>ダイ</t>
    </rPh>
    <rPh sb="17" eb="18">
      <t>ジョウ</t>
    </rPh>
    <rPh sb="19" eb="20">
      <t>ダイ</t>
    </rPh>
    <rPh sb="22" eb="23">
      <t>ジョウ</t>
    </rPh>
    <rPh sb="27" eb="29">
      <t>セイシン</t>
    </rPh>
    <rPh sb="31" eb="33">
      <t>セイシン</t>
    </rPh>
    <rPh sb="33" eb="35">
      <t>ホケン</t>
    </rPh>
    <rPh sb="35" eb="37">
      <t>フクシ</t>
    </rPh>
    <rPh sb="37" eb="38">
      <t>ホウ</t>
    </rPh>
    <rPh sb="38" eb="39">
      <t>ダイ</t>
    </rPh>
    <rPh sb="41" eb="42">
      <t>ジョウ</t>
    </rPh>
    <rPh sb="48" eb="51">
      <t>ショウガイシャ</t>
    </rPh>
    <rPh sb="51" eb="53">
      <t>ジリツ</t>
    </rPh>
    <rPh sb="53" eb="55">
      <t>シエン</t>
    </rPh>
    <rPh sb="55" eb="56">
      <t>ホウ</t>
    </rPh>
    <rPh sb="56" eb="57">
      <t>ダイ</t>
    </rPh>
    <rPh sb="59" eb="60">
      <t>ジョウ</t>
    </rPh>
    <rPh sb="60" eb="62">
      <t>テキヨウ</t>
    </rPh>
    <phoneticPr fontId="4"/>
  </si>
  <si>
    <t>平成31年４月１日現在</t>
    <rPh sb="0" eb="2">
      <t>ヘイセイ</t>
    </rPh>
    <rPh sb="4" eb="5">
      <t>ネン</t>
    </rPh>
    <rPh sb="5" eb="6">
      <t>ヘイネン</t>
    </rPh>
    <rPh sb="6" eb="7">
      <t>ガツ</t>
    </rPh>
    <rPh sb="8" eb="9">
      <t>ニチ</t>
    </rPh>
    <rPh sb="9" eb="11">
      <t>ゲンザイ</t>
    </rPh>
    <phoneticPr fontId="4"/>
  </si>
  <si>
    <t>（注１）　身障１・２級、IQ35以下、身障３級とIQ50以下の合併</t>
    <rPh sb="1" eb="2">
      <t>チュウ</t>
    </rPh>
    <rPh sb="5" eb="7">
      <t>シンショウ</t>
    </rPh>
    <rPh sb="10" eb="11">
      <t>キュウ</t>
    </rPh>
    <rPh sb="16" eb="18">
      <t>イカ</t>
    </rPh>
    <rPh sb="19" eb="21">
      <t>シンショウ</t>
    </rPh>
    <rPh sb="21" eb="23">
      <t>サンキュウ</t>
    </rPh>
    <rPh sb="28" eb="30">
      <t>イカ</t>
    </rPh>
    <rPh sb="31" eb="33">
      <t>ガッペイ</t>
    </rPh>
    <phoneticPr fontId="4"/>
  </si>
  <si>
    <t>(1)組合員80,000円、家族40,000円</t>
    <rPh sb="3" eb="6">
      <t>クミアイイン</t>
    </rPh>
    <rPh sb="12" eb="13">
      <t>エン</t>
    </rPh>
    <rPh sb="14" eb="16">
      <t>カゾク</t>
    </rPh>
    <rPh sb="22" eb="23">
      <t>エン</t>
    </rPh>
    <phoneticPr fontId="4"/>
  </si>
  <si>
    <t xml:space="preserve"> (1)</t>
    <phoneticPr fontId="4"/>
  </si>
  <si>
    <t>組合員のみ１日当たり 1,000～4,200円 （80日限度）、入院加算 3,000円/日</t>
    <rPh sb="0" eb="3">
      <t>クミアイイン</t>
    </rPh>
    <rPh sb="6" eb="7">
      <t>ニチ</t>
    </rPh>
    <rPh sb="7" eb="8">
      <t>ア</t>
    </rPh>
    <rPh sb="22" eb="23">
      <t>エン</t>
    </rPh>
    <rPh sb="27" eb="28">
      <t>ニチ</t>
    </rPh>
    <rPh sb="28" eb="30">
      <t>ゲンド</t>
    </rPh>
    <rPh sb="32" eb="34">
      <t>ニュウイン</t>
    </rPh>
    <rPh sb="34" eb="36">
      <t>カサン</t>
    </rPh>
    <rPh sb="42" eb="43">
      <t>エン</t>
    </rPh>
    <rPh sb="44" eb="45">
      <t>ニチ</t>
    </rPh>
    <phoneticPr fontId="4"/>
  </si>
  <si>
    <t>3割</t>
    <phoneticPr fontId="4"/>
  </si>
  <si>
    <t>(1)組合員100,000円、家族50,000円</t>
    <rPh sb="3" eb="6">
      <t>クミアイイン</t>
    </rPh>
    <rPh sb="13" eb="14">
      <t>エン</t>
    </rPh>
    <rPh sb="15" eb="17">
      <t>カゾク</t>
    </rPh>
    <rPh sb="23" eb="24">
      <t>エン</t>
    </rPh>
    <phoneticPr fontId="4"/>
  </si>
  <si>
    <t>組合員の入院１日につき4,000円(同一年度内50日を限度)</t>
    <rPh sb="0" eb="3">
      <t>クミアイイン</t>
    </rPh>
    <rPh sb="4" eb="6">
      <t>ニュウイン</t>
    </rPh>
    <rPh sb="7" eb="8">
      <t>ニチ</t>
    </rPh>
    <rPh sb="22" eb="23">
      <t>ナイ</t>
    </rPh>
    <rPh sb="27" eb="29">
      <t>ゲンド</t>
    </rPh>
    <phoneticPr fontId="4"/>
  </si>
  <si>
    <t>(1)組合員100,000円、家族70,000円</t>
    <rPh sb="3" eb="6">
      <t>クミアイイン</t>
    </rPh>
    <rPh sb="13" eb="14">
      <t>エン</t>
    </rPh>
    <rPh sb="15" eb="17">
      <t>カゾク</t>
    </rPh>
    <rPh sb="23" eb="24">
      <t>エン</t>
    </rPh>
    <phoneticPr fontId="4"/>
  </si>
  <si>
    <t>平成24年度から廃止</t>
    <rPh sb="0" eb="2">
      <t>ヘイセイ</t>
    </rPh>
    <rPh sb="4" eb="6">
      <t>ネンド</t>
    </rPh>
    <rPh sb="8" eb="10">
      <t>ハイシ</t>
    </rPh>
    <phoneticPr fontId="4"/>
  </si>
  <si>
    <t>実施主体</t>
  </si>
  <si>
    <t>(1)加入年数に応じて70,000～300,000円</t>
    <rPh sb="3" eb="5">
      <t>カニュウ</t>
    </rPh>
    <rPh sb="5" eb="7">
      <t>ネンスウ</t>
    </rPh>
    <rPh sb="8" eb="9">
      <t>オウ</t>
    </rPh>
    <rPh sb="25" eb="26">
      <t>エン</t>
    </rPh>
    <phoneticPr fontId="4"/>
  </si>
  <si>
    <t>市町村が</t>
  </si>
  <si>
    <t>10,000円(入院１月以上。加入期間１年以上20,000円、３年以上30,000円)</t>
    <rPh sb="12" eb="14">
      <t>イジョウ</t>
    </rPh>
    <rPh sb="17" eb="19">
      <t>キカン</t>
    </rPh>
    <phoneticPr fontId="4"/>
  </si>
  <si>
    <t>住所地の</t>
  </si>
  <si>
    <t>(1)第１種200,000円、第２種150,000円、第３種及び家族100,000円</t>
    <rPh sb="3" eb="4">
      <t>ダイ</t>
    </rPh>
    <rPh sb="5" eb="6">
      <t>シュ</t>
    </rPh>
    <rPh sb="13" eb="14">
      <t>エン</t>
    </rPh>
    <rPh sb="15" eb="16">
      <t>ダイ</t>
    </rPh>
    <rPh sb="17" eb="18">
      <t>シュ</t>
    </rPh>
    <rPh sb="25" eb="26">
      <t>エン</t>
    </rPh>
    <rPh sb="27" eb="28">
      <t>ダイ</t>
    </rPh>
    <rPh sb="29" eb="30">
      <t>シュ</t>
    </rPh>
    <rPh sb="30" eb="31">
      <t>オヨ</t>
    </rPh>
    <rPh sb="32" eb="34">
      <t>カゾク</t>
    </rPh>
    <rPh sb="41" eb="42">
      <t>エン</t>
    </rPh>
    <phoneticPr fontId="4"/>
  </si>
  <si>
    <t>組合員の</t>
  </si>
  <si>
    <t>入院につき、第１種1日当り5,000円、第２種１日当たり4,000円、第３種１日当たり3,000円</t>
    <rPh sb="0" eb="2">
      <t>ニュウイン</t>
    </rPh>
    <rPh sb="18" eb="19">
      <t>エン</t>
    </rPh>
    <rPh sb="23" eb="25">
      <t>イチニチ</t>
    </rPh>
    <rPh sb="25" eb="26">
      <t>ア</t>
    </rPh>
    <rPh sb="33" eb="34">
      <t>エン</t>
    </rPh>
    <rPh sb="38" eb="40">
      <t>イチニチ</t>
    </rPh>
    <rPh sb="40" eb="41">
      <t>ア</t>
    </rPh>
    <phoneticPr fontId="4"/>
  </si>
  <si>
    <t>（1）第１種200,000円、第２種及び家族100,000円</t>
    <rPh sb="3" eb="4">
      <t>ダイ</t>
    </rPh>
    <rPh sb="5" eb="6">
      <t>シュ</t>
    </rPh>
    <rPh sb="13" eb="14">
      <t>エン</t>
    </rPh>
    <rPh sb="15" eb="16">
      <t>ダイ</t>
    </rPh>
    <rPh sb="17" eb="18">
      <t>シュ</t>
    </rPh>
    <rPh sb="18" eb="19">
      <t>オヨ</t>
    </rPh>
    <rPh sb="20" eb="22">
      <t>カゾク</t>
    </rPh>
    <rPh sb="29" eb="30">
      <t>エン</t>
    </rPh>
    <phoneticPr fontId="4"/>
  </si>
  <si>
    <t>第１種30,000円×12か月限度、第２種15,000×6か月限度</t>
    <rPh sb="15" eb="17">
      <t>ゲンド</t>
    </rPh>
    <rPh sb="31" eb="33">
      <t>ゲンド</t>
    </rPh>
    <phoneticPr fontId="4"/>
  </si>
  <si>
    <t>組合員の住所地の市町村が実施主体</t>
    <phoneticPr fontId="4"/>
  </si>
  <si>
    <t>備考(上段は傷病手当金・下段は葬祭費)</t>
    <rPh sb="12" eb="14">
      <t>ゲダン</t>
    </rPh>
    <rPh sb="15" eb="17">
      <t>ソウサイ</t>
    </rPh>
    <rPh sb="17" eb="18">
      <t>ヒ</t>
    </rPh>
    <phoneticPr fontId="4"/>
  </si>
  <si>
    <t>家族</t>
    <rPh sb="0" eb="2">
      <t>カゾク</t>
    </rPh>
    <phoneticPr fontId="4"/>
  </si>
  <si>
    <t>組合員</t>
    <rPh sb="0" eb="2">
      <t>クミアイ</t>
    </rPh>
    <rPh sb="2" eb="3">
      <t>イン</t>
    </rPh>
    <phoneticPr fontId="4"/>
  </si>
  <si>
    <t>(1)重度障害者　(2)母子、父子　(3)0歳～満18歳を迎えた最初の３月31日まで（中学３年生の３月31日の翌日以降は入院のみ）</t>
    <rPh sb="3" eb="5">
      <t>ジュウド</t>
    </rPh>
    <rPh sb="5" eb="8">
      <t>ショウガイシャ</t>
    </rPh>
    <rPh sb="12" eb="14">
      <t>ボシ</t>
    </rPh>
    <rPh sb="15" eb="17">
      <t>フシ</t>
    </rPh>
    <phoneticPr fontId="4"/>
  </si>
  <si>
    <t>0割</t>
    <phoneticPr fontId="4"/>
  </si>
  <si>
    <t>3割</t>
    <phoneticPr fontId="4"/>
  </si>
  <si>
    <t xml:space="preserve"> 清川村</t>
  </si>
  <si>
    <t>(1)身心障害者（自立支援医療費補助申請者は精神は外来のみ、身体は入院・外来で９割給付）所得制限あり
(2)ひとり親家庭等「全員」　(3)0歳～中学生（所得制限あり）</t>
    <phoneticPr fontId="4"/>
  </si>
  <si>
    <t>0割</t>
  </si>
  <si>
    <t xml:space="preserve"> 愛川町</t>
  </si>
  <si>
    <t>(1)1級または2級に該当する障害を有する者等（精神は1級のみで償還払い）
(2)小学校終了後から18歳に達する最初の3月31日までの児童を養育する父又は母（外来１回200円、入院一日100円を自己負担）
(3)0歳～中学生（中学生は入院のみ）</t>
    <rPh sb="2" eb="3">
      <t>キュウ</t>
    </rPh>
    <rPh sb="7" eb="8">
      <t>キュウ</t>
    </rPh>
    <rPh sb="9" eb="11">
      <t>ガイトウ</t>
    </rPh>
    <rPh sb="13" eb="15">
      <t>ショウガイ</t>
    </rPh>
    <rPh sb="16" eb="17">
      <t>ユウ</t>
    </rPh>
    <rPh sb="19" eb="20">
      <t>モノ</t>
    </rPh>
    <rPh sb="21" eb="22">
      <t>トウ</t>
    </rPh>
    <rPh sb="26" eb="27">
      <t>キュウ</t>
    </rPh>
    <rPh sb="31" eb="33">
      <t>ショウカン</t>
    </rPh>
    <rPh sb="33" eb="34">
      <t>ハラ</t>
    </rPh>
    <rPh sb="41" eb="44">
      <t>ショウガッコウ</t>
    </rPh>
    <rPh sb="44" eb="47">
      <t>シュウリョウゴ</t>
    </rPh>
    <phoneticPr fontId="4"/>
  </si>
  <si>
    <t>3割</t>
  </si>
  <si>
    <t xml:space="preserve"> 湯河原町</t>
  </si>
  <si>
    <t>(1)心身障害者　(2)18歳に達した日の属する年度の末日(一定の障害がある場合・高等学校に在学している場合は20歳未満まで）
(3)0歳～15歳に達した日の属する年度の最初の３月日まで</t>
    <rPh sb="3" eb="5">
      <t>シンシン</t>
    </rPh>
    <rPh sb="5" eb="8">
      <t>ショウガイシャ</t>
    </rPh>
    <phoneticPr fontId="4"/>
  </si>
  <si>
    <t xml:space="preserve"> 真鶴町</t>
  </si>
  <si>
    <t>(1)身心障害者（1,2級、IQ35以下、3級かつIQ50以下）、精神1級（通院のみ（償還払い））　(2)母子、父子　(3)０歳から中学生</t>
    <rPh sb="63" eb="64">
      <t>サイ</t>
    </rPh>
    <rPh sb="66" eb="69">
      <t>チュウガクセイ</t>
    </rPh>
    <phoneticPr fontId="4"/>
  </si>
  <si>
    <t xml:space="preserve"> 箱根町</t>
  </si>
  <si>
    <t>(1)身心障害者（所得制限あり）65歳以上で手帳の交付を受けた方は対象外　(2)母子、父子
(3)0歳～中学生（３歳以上所得制限あり）（4）葬祭費について、令和元年７月１日以降は５万円</t>
    <rPh sb="70" eb="72">
      <t>ソウサイ</t>
    </rPh>
    <rPh sb="72" eb="73">
      <t>ヒ</t>
    </rPh>
    <rPh sb="78" eb="80">
      <t>レイワ</t>
    </rPh>
    <rPh sb="80" eb="82">
      <t>ガンネン</t>
    </rPh>
    <rPh sb="83" eb="84">
      <t>ガツ</t>
    </rPh>
    <rPh sb="85" eb="86">
      <t>ニチ</t>
    </rPh>
    <rPh sb="86" eb="88">
      <t>イコウ</t>
    </rPh>
    <rPh sb="90" eb="92">
      <t>マンエン</t>
    </rPh>
    <phoneticPr fontId="4"/>
  </si>
  <si>
    <t xml:space="preserve"> 開成町</t>
  </si>
  <si>
    <t>(1)身障1,2級、養育A1,A2（所得制限あり）　(2)18歳に達する日以降の最初の3月31日までにある者及びその者を養育する者　(3)０歳から中学生</t>
    <rPh sb="70" eb="71">
      <t>サイ</t>
    </rPh>
    <rPh sb="73" eb="76">
      <t>チュウガクセイ</t>
    </rPh>
    <phoneticPr fontId="4"/>
  </si>
  <si>
    <t xml:space="preserve"> 山北町</t>
  </si>
  <si>
    <t>(1)身心障害者、精神1級（通院のみ）、すべて所得制限有り　(2)母子、父子　(3)０歳から中学生</t>
    <rPh sb="23" eb="25">
      <t>ショトク</t>
    </rPh>
    <rPh sb="25" eb="27">
      <t>セイゲン</t>
    </rPh>
    <rPh sb="27" eb="28">
      <t>ア</t>
    </rPh>
    <phoneticPr fontId="4"/>
  </si>
  <si>
    <t>3割</t>
    <rPh sb="1" eb="2">
      <t>ワリ</t>
    </rPh>
    <phoneticPr fontId="4"/>
  </si>
  <si>
    <t xml:space="preserve"> 松田町</t>
  </si>
  <si>
    <t>(1)重度障害者　(2)母子、父子　(3)18歳以下</t>
    <rPh sb="12" eb="14">
      <t>ボシ</t>
    </rPh>
    <rPh sb="15" eb="17">
      <t>フシ</t>
    </rPh>
    <rPh sb="23" eb="24">
      <t>サイ</t>
    </rPh>
    <rPh sb="24" eb="26">
      <t>イカ</t>
    </rPh>
    <phoneticPr fontId="4"/>
  </si>
  <si>
    <t xml:space="preserve"> 大井町</t>
  </si>
  <si>
    <t>(1)身障1,2級、身障3級かつIQ50以下、養育A,B1、身障3級かつIQ50以下、精神1級（医科入院を除く）、すべて所得制限あり
(2)ひとり親家庭の０歳から18歳になった3月31日までの児童とその父又は母　(3)0歳～15歳になった3/31まで</t>
    <rPh sb="1" eb="3">
      <t>シンショウ</t>
    </rPh>
    <rPh sb="6" eb="7">
      <t>キュウ</t>
    </rPh>
    <rPh sb="8" eb="10">
      <t>シンショウ</t>
    </rPh>
    <rPh sb="11" eb="12">
      <t>キュウ</t>
    </rPh>
    <rPh sb="18" eb="20">
      <t>イカ</t>
    </rPh>
    <rPh sb="21" eb="23">
      <t>ヨウイク</t>
    </rPh>
    <rPh sb="31" eb="32">
      <t>キュウ</t>
    </rPh>
    <rPh sb="38" eb="40">
      <t>イカ</t>
    </rPh>
    <rPh sb="41" eb="43">
      <t>セイシン</t>
    </rPh>
    <rPh sb="44" eb="45">
      <t>キュウ</t>
    </rPh>
    <rPh sb="46" eb="48">
      <t>セイシン</t>
    </rPh>
    <rPh sb="48" eb="50">
      <t>ニュウイン</t>
    </rPh>
    <rPh sb="51" eb="52">
      <t>ノゾ</t>
    </rPh>
    <rPh sb="54" eb="56">
      <t>ショトク</t>
    </rPh>
    <rPh sb="60" eb="62">
      <t>セイゲン</t>
    </rPh>
    <rPh sb="73" eb="74">
      <t>オヤ</t>
    </rPh>
    <rPh sb="74" eb="76">
      <t>カテイ</t>
    </rPh>
    <rPh sb="78" eb="79">
      <t>サイ</t>
    </rPh>
    <rPh sb="82" eb="83">
      <t>サイ</t>
    </rPh>
    <rPh sb="88" eb="89">
      <t>ガツ</t>
    </rPh>
    <rPh sb="91" eb="92">
      <t>ヒ</t>
    </rPh>
    <rPh sb="96" eb="98">
      <t>ジドウ</t>
    </rPh>
    <rPh sb="101" eb="102">
      <t>チチ</t>
    </rPh>
    <rPh sb="102" eb="103">
      <t>マタ</t>
    </rPh>
    <rPh sb="104" eb="105">
      <t>ハハ</t>
    </rPh>
    <phoneticPr fontId="4"/>
  </si>
  <si>
    <t xml:space="preserve"> 中井町</t>
  </si>
  <si>
    <t>(1)身障1～4級、養育A1,A2,B1、精神1,2級　(2)扶養者及び高校3年生までの被扶養者　(3)0歳～中学生（小学生以上所得制限あり）</t>
    <rPh sb="3" eb="5">
      <t>シンショウ</t>
    </rPh>
    <rPh sb="8" eb="9">
      <t>キュウ</t>
    </rPh>
    <rPh sb="10" eb="12">
      <t>ヨウイク</t>
    </rPh>
    <rPh sb="21" eb="23">
      <t>セイシン</t>
    </rPh>
    <rPh sb="26" eb="27">
      <t>キュウ</t>
    </rPh>
    <phoneticPr fontId="4"/>
  </si>
  <si>
    <t xml:space="preserve"> 二宮町</t>
  </si>
  <si>
    <t>(1)身心障害者（所得制限あり）、精神3級で自立支援医療の精神通院を受けている者（自己負担1割のうちの3割を給付（償還払い））
(2)母子、父子　(3)0歳～中学生（中学生は医科入院のみを償還）1歳以上所得制限あり</t>
    <rPh sb="3" eb="5">
      <t>シンシン</t>
    </rPh>
    <rPh sb="5" eb="8">
      <t>ショウガイシャ</t>
    </rPh>
    <rPh sb="9" eb="11">
      <t>ショトク</t>
    </rPh>
    <rPh sb="11" eb="13">
      <t>セイゲン</t>
    </rPh>
    <rPh sb="17" eb="19">
      <t>セイシン</t>
    </rPh>
    <rPh sb="20" eb="21">
      <t>キュウ</t>
    </rPh>
    <rPh sb="22" eb="24">
      <t>ジリツ</t>
    </rPh>
    <rPh sb="24" eb="26">
      <t>シエン</t>
    </rPh>
    <rPh sb="26" eb="28">
      <t>イリョウ</t>
    </rPh>
    <rPh sb="29" eb="31">
      <t>セイシン</t>
    </rPh>
    <rPh sb="31" eb="33">
      <t>ツウイン</t>
    </rPh>
    <rPh sb="34" eb="35">
      <t>ウ</t>
    </rPh>
    <rPh sb="39" eb="40">
      <t>モノ</t>
    </rPh>
    <rPh sb="41" eb="43">
      <t>ジコ</t>
    </rPh>
    <rPh sb="43" eb="45">
      <t>フタン</t>
    </rPh>
    <rPh sb="46" eb="47">
      <t>ワリ</t>
    </rPh>
    <rPh sb="52" eb="53">
      <t>ワリ</t>
    </rPh>
    <rPh sb="54" eb="56">
      <t>キュウフ</t>
    </rPh>
    <rPh sb="57" eb="59">
      <t>ショウカン</t>
    </rPh>
    <rPh sb="59" eb="60">
      <t>ハラ</t>
    </rPh>
    <rPh sb="67" eb="69">
      <t>ボシ</t>
    </rPh>
    <rPh sb="70" eb="72">
      <t>フシ</t>
    </rPh>
    <rPh sb="94" eb="96">
      <t>ショウカン</t>
    </rPh>
    <phoneticPr fontId="4"/>
  </si>
  <si>
    <t xml:space="preserve"> 大磯町</t>
  </si>
  <si>
    <t>(1)身障1,2級又は養育A1,A2、身障3級かつIQ50以下、精神1級　(2)18歳未満の児童を養育するひとり親等と子　(3)０歳から中学生</t>
    <rPh sb="1" eb="3">
      <t>シンショウ</t>
    </rPh>
    <rPh sb="6" eb="7">
      <t>キュウ</t>
    </rPh>
    <rPh sb="7" eb="8">
      <t>マタ</t>
    </rPh>
    <rPh sb="9" eb="11">
      <t>ヨウイク</t>
    </rPh>
    <rPh sb="17" eb="19">
      <t>シンショウ</t>
    </rPh>
    <rPh sb="20" eb="21">
      <t>キュウ</t>
    </rPh>
    <rPh sb="27" eb="29">
      <t>イカ</t>
    </rPh>
    <rPh sb="30" eb="32">
      <t>セイシン</t>
    </rPh>
    <rPh sb="33" eb="34">
      <t>キュウ</t>
    </rPh>
    <rPh sb="65" eb="66">
      <t>サイ</t>
    </rPh>
    <rPh sb="68" eb="71">
      <t>チュウガクセイ</t>
    </rPh>
    <phoneticPr fontId="4"/>
  </si>
  <si>
    <t xml:space="preserve"> 綾瀬市</t>
  </si>
  <si>
    <t>(1)身障1,2級、身障3級の内部機能障害、養育A1,A2,B1、IQ50以下、精神1級（所得制限あり）
(2)18歳到達年度末までの児童を養育する父又は母と子　(3)0歳～中学生（1歳以上所得制限あり）</t>
    <rPh sb="3" eb="5">
      <t>シンショウ</t>
    </rPh>
    <rPh sb="8" eb="9">
      <t>キュウ</t>
    </rPh>
    <rPh sb="10" eb="12">
      <t>シンショウ</t>
    </rPh>
    <rPh sb="13" eb="14">
      <t>キュウ</t>
    </rPh>
    <rPh sb="15" eb="17">
      <t>ナイブ</t>
    </rPh>
    <rPh sb="17" eb="19">
      <t>キノウ</t>
    </rPh>
    <rPh sb="19" eb="21">
      <t>ショウガイ</t>
    </rPh>
    <rPh sb="22" eb="24">
      <t>ヨウイク</t>
    </rPh>
    <rPh sb="37" eb="39">
      <t>イカ</t>
    </rPh>
    <rPh sb="40" eb="42">
      <t>セイシン</t>
    </rPh>
    <rPh sb="43" eb="44">
      <t>キュウ</t>
    </rPh>
    <rPh sb="45" eb="47">
      <t>ショトク</t>
    </rPh>
    <rPh sb="47" eb="49">
      <t>セイゲン</t>
    </rPh>
    <rPh sb="85" eb="86">
      <t>サイ</t>
    </rPh>
    <rPh sb="87" eb="90">
      <t>チュウガクセイ</t>
    </rPh>
    <rPh sb="92" eb="93">
      <t>サイ</t>
    </rPh>
    <rPh sb="93" eb="95">
      <t>イジョウ</t>
    </rPh>
    <rPh sb="95" eb="97">
      <t>ショトク</t>
    </rPh>
    <rPh sb="97" eb="99">
      <t>セイゲン</t>
    </rPh>
    <phoneticPr fontId="4"/>
  </si>
  <si>
    <t xml:space="preserve"> 寒川町</t>
  </si>
  <si>
    <t xml:space="preserve"> 葉山町</t>
  </si>
  <si>
    <t>(1)身障1,2級、身障3級でIQ50以下、養育A1,A2、精神1級通院のみ）、すべて所得制限あり　(2)母子、父子　(3)0歳～中学生（1歳以上所得制限あり）</t>
    <rPh sb="1" eb="3">
      <t>シンショウ</t>
    </rPh>
    <rPh sb="6" eb="7">
      <t>キュウ</t>
    </rPh>
    <rPh sb="8" eb="10">
      <t>シンショウ</t>
    </rPh>
    <rPh sb="11" eb="12">
      <t>キュウ</t>
    </rPh>
    <rPh sb="17" eb="19">
      <t>イカ</t>
    </rPh>
    <rPh sb="20" eb="22">
      <t>ヨウイク</t>
    </rPh>
    <rPh sb="28" eb="30">
      <t>セイシン</t>
    </rPh>
    <rPh sb="31" eb="32">
      <t>キュウ</t>
    </rPh>
    <rPh sb="33" eb="34">
      <t>キュウ</t>
    </rPh>
    <rPh sb="37" eb="39">
      <t>ショトク</t>
    </rPh>
    <rPh sb="43" eb="45">
      <t>セイゲン</t>
    </rPh>
    <rPh sb="53" eb="55">
      <t>ボシ</t>
    </rPh>
    <rPh sb="56" eb="58">
      <t>フシ</t>
    </rPh>
    <phoneticPr fontId="4"/>
  </si>
  <si>
    <t xml:space="preserve"> 南足柄市</t>
  </si>
  <si>
    <t>(1)身障1,2級、養育手帳A1,A2、精神1級、（身体3級、養育B1は9割給付）　(2)母子、父子　(3)0歳～中学生（1歳以上所得制限あり）</t>
    <phoneticPr fontId="4"/>
  </si>
  <si>
    <t xml:space="preserve"> 座間市</t>
  </si>
  <si>
    <t>(1)身障1,2級　(2)18歳未満の児童とその児童を養育している母または父及び養育者　(3)0歳～中学生 （1)(2)(3)とも入院時食事療養費を除く</t>
    <rPh sb="3" eb="4">
      <t>ミ</t>
    </rPh>
    <rPh sb="8" eb="9">
      <t>キュウ</t>
    </rPh>
    <phoneticPr fontId="4"/>
  </si>
  <si>
    <t xml:space="preserve"> 海老名市</t>
  </si>
  <si>
    <t>(1)身障1,2級、IQ35以下、身障3級かつIQ50以下、精神1級（入院のみ）、すべて所得制限あり
(2)父又は母及び養育者と18歳になった最初に3月31日を迎えるまでの児童等　(3)0歳～中学生（中学生は入院のみ）１歳以上所得制限あり</t>
    <rPh sb="3" eb="5">
      <t>シンショウ</t>
    </rPh>
    <rPh sb="8" eb="9">
      <t>キュウ</t>
    </rPh>
    <rPh sb="14" eb="16">
      <t>イカ</t>
    </rPh>
    <rPh sb="17" eb="19">
      <t>シンショウ</t>
    </rPh>
    <rPh sb="20" eb="21">
      <t>キュウ</t>
    </rPh>
    <rPh sb="27" eb="29">
      <t>イカ</t>
    </rPh>
    <rPh sb="30" eb="32">
      <t>セイシン</t>
    </rPh>
    <rPh sb="35" eb="37">
      <t>ニュウイン</t>
    </rPh>
    <rPh sb="44" eb="46">
      <t>ショトク</t>
    </rPh>
    <rPh sb="46" eb="48">
      <t>セイゲン</t>
    </rPh>
    <phoneticPr fontId="4"/>
  </si>
  <si>
    <t xml:space="preserve"> 伊勢原市</t>
  </si>
  <si>
    <t>(1)身障1,2級、IQ35以下、身障3級でIQ50以下、精神1級（入院以外）、すべて所得制限あり　(2)母子、父子　(3)0歳～中学生　（1歳以上所得制限あり）</t>
    <rPh sb="53" eb="55">
      <t>ボシ</t>
    </rPh>
    <rPh sb="56" eb="58">
      <t>フシ</t>
    </rPh>
    <phoneticPr fontId="4"/>
  </si>
  <si>
    <t xml:space="preserve"> 大和市</t>
  </si>
  <si>
    <t>(1)身障1級～3級、IQ50以下及び精神1級（65歳以上で新たに認定された者は除く）所得制限あり
(2)18歳の誕生日以降の最初の３月31日まで、20歳未満で規則で定める程度の障害の状態にあるか、規則で定める学校に在学している児童とその父母等
(3)０歳から中学生</t>
    <rPh sb="127" eb="128">
      <t>サイ</t>
    </rPh>
    <rPh sb="130" eb="133">
      <t>チュウガクセイ</t>
    </rPh>
    <phoneticPr fontId="4"/>
  </si>
  <si>
    <t xml:space="preserve"> 厚木市</t>
  </si>
  <si>
    <t>(1)1～2級の障害者（所得制限あり）・自立支援医療は指定医科外来９割給付（所得制限なし）
(2)18歳未満の児童を養育する者と児童　(3)０歳～中学生（小学生以上所得制限あり）</t>
    <rPh sb="73" eb="76">
      <t>チュウガクセイ</t>
    </rPh>
    <phoneticPr fontId="4"/>
  </si>
  <si>
    <t xml:space="preserve"> 秦野市</t>
  </si>
  <si>
    <t>(1)身障1，2級、IQ35以下、身障3級かつIQ50以下、精神1級（通院のみ）　※H26.10～ 65歳以上新規を対象外
(2)ひとり親家庭の父又は母と児童、養育者と養育者が扶養する児童　(3)０歳から中学生</t>
    <rPh sb="35" eb="37">
      <t>ツウイン</t>
    </rPh>
    <rPh sb="68" eb="69">
      <t>オヤ</t>
    </rPh>
    <rPh sb="69" eb="71">
      <t>カテイ</t>
    </rPh>
    <rPh sb="72" eb="73">
      <t>チチ</t>
    </rPh>
    <rPh sb="73" eb="74">
      <t>マタ</t>
    </rPh>
    <rPh sb="75" eb="76">
      <t>ハハ</t>
    </rPh>
    <rPh sb="77" eb="79">
      <t>ジドウ</t>
    </rPh>
    <rPh sb="80" eb="83">
      <t>ヨウイクシャ</t>
    </rPh>
    <rPh sb="84" eb="87">
      <t>ヨウイクシャ</t>
    </rPh>
    <rPh sb="88" eb="90">
      <t>フヨウ</t>
    </rPh>
    <rPh sb="92" eb="94">
      <t>ジドウ</t>
    </rPh>
    <rPh sb="99" eb="100">
      <t>サイ</t>
    </rPh>
    <rPh sb="102" eb="105">
      <t>チュウガクセイ</t>
    </rPh>
    <phoneticPr fontId="4"/>
  </si>
  <si>
    <t xml:space="preserve"> 三浦市</t>
  </si>
  <si>
    <t>(1)身障1,2級、IQ35以下、身障3級かつIQ50以下、精神1,2級　(2)ひとり親家庭等　(3)0歳～中学生（1歳以上所得制限あり）</t>
    <rPh sb="42" eb="43">
      <t>オヤ</t>
    </rPh>
    <rPh sb="43" eb="45">
      <t>カテイ</t>
    </rPh>
    <rPh sb="45" eb="46">
      <t>トウ</t>
    </rPh>
    <rPh sb="49" eb="50">
      <t>サイ</t>
    </rPh>
    <rPh sb="51" eb="54">
      <t>ショウガクセイ</t>
    </rPh>
    <rPh sb="54" eb="55">
      <t>チュウ</t>
    </rPh>
    <rPh sb="56" eb="57">
      <t>サイ</t>
    </rPh>
    <rPh sb="57" eb="59">
      <t>イジョウ</t>
    </rPh>
    <rPh sb="59" eb="61">
      <t>ショトク</t>
    </rPh>
    <rPh sb="61" eb="63">
      <t>セイゲン</t>
    </rPh>
    <phoneticPr fontId="4"/>
  </si>
  <si>
    <t xml:space="preserve"> 相模原市</t>
  </si>
  <si>
    <t>(1)重度障害者（精神障害は通院のみ）　(2)ひとり親　(3)0歳～中学生(1歳以上所得制限あり)</t>
    <rPh sb="2" eb="4">
      <t>ジュウド</t>
    </rPh>
    <rPh sb="4" eb="7">
      <t>ショウガイシャ</t>
    </rPh>
    <rPh sb="9" eb="11">
      <t>セイシン</t>
    </rPh>
    <rPh sb="11" eb="13">
      <t>ショウガイ</t>
    </rPh>
    <rPh sb="14" eb="16">
      <t>ツウイン</t>
    </rPh>
    <rPh sb="24" eb="25">
      <t>オヤ</t>
    </rPh>
    <rPh sb="37" eb="39">
      <t>イジョウ</t>
    </rPh>
    <rPh sb="39" eb="41">
      <t>ショトク</t>
    </rPh>
    <rPh sb="41" eb="43">
      <t>セイゲン</t>
    </rPh>
    <phoneticPr fontId="4"/>
  </si>
  <si>
    <t xml:space="preserve"> 逗子市</t>
  </si>
  <si>
    <t>(1)重度障害者（所得制限あり）　(2)満18歳になった日以降の最初の3月31日まで、障害または在学の場合は20歳未満）
(3)0歳～小学生6年生（所得制限あり）</t>
    <rPh sb="3" eb="5">
      <t>ジュウド</t>
    </rPh>
    <rPh sb="5" eb="8">
      <t>ショウガイシャ</t>
    </rPh>
    <rPh sb="9" eb="11">
      <t>ショトク</t>
    </rPh>
    <rPh sb="11" eb="13">
      <t>セイゲン</t>
    </rPh>
    <rPh sb="65" eb="66">
      <t>サイ</t>
    </rPh>
    <rPh sb="67" eb="70">
      <t>ショウガクセイ</t>
    </rPh>
    <rPh sb="71" eb="73">
      <t>ネンセイ</t>
    </rPh>
    <rPh sb="74" eb="76">
      <t>ショトク</t>
    </rPh>
    <rPh sb="76" eb="78">
      <t>セイゲン</t>
    </rPh>
    <phoneticPr fontId="4"/>
  </si>
  <si>
    <t xml:space="preserve"> 茅ヶ崎市</t>
  </si>
  <si>
    <t>(1)身障1,2級、療育A（IQ35以下）、身障3級かつIQ50以下、精神1級（通院のみ）　(2)母子・父子
(3)0歳から小学生（一部所得制限あり）・中学生（所得制限あり）</t>
    <phoneticPr fontId="4"/>
  </si>
  <si>
    <t xml:space="preserve"> 小田原市</t>
  </si>
  <si>
    <t xml:space="preserve"> 藤沢市</t>
  </si>
  <si>
    <t>(1)身障1,2級、身障3,4級の一部、療育A1、A2、B1、精神1,2級、障害基礎年金1,2級（所得制限あり）
(2)母子・父子　(3)0歳～中学生（小学生以上は所得制限あり）</t>
    <rPh sb="60" eb="62">
      <t>ボシ</t>
    </rPh>
    <rPh sb="63" eb="65">
      <t>フシ</t>
    </rPh>
    <rPh sb="70" eb="71">
      <t>サイ</t>
    </rPh>
    <rPh sb="72" eb="75">
      <t>チュウガクセイ</t>
    </rPh>
    <phoneticPr fontId="4"/>
  </si>
  <si>
    <t xml:space="preserve"> 鎌倉市</t>
  </si>
  <si>
    <t>(1)心身障害者　(2)母子・父子　(3)０歳～中学生（小学生以上は所得制限あり）</t>
    <rPh sb="3" eb="5">
      <t>シンシン</t>
    </rPh>
    <rPh sb="5" eb="8">
      <t>ショウガイシャ</t>
    </rPh>
    <rPh sb="12" eb="14">
      <t>ボシ</t>
    </rPh>
    <rPh sb="15" eb="17">
      <t>フシ</t>
    </rPh>
    <phoneticPr fontId="4"/>
  </si>
  <si>
    <t xml:space="preserve"> 平塚市</t>
  </si>
  <si>
    <t>(1)身障1,2級、IQ35以下、身障3級かつIQ50以下（入院時食事療養費を除く）、精神1級（医科入院を除く）
(2)18歳到達年度内までの児童を養育する母子・父子（入院食事療養費を除く）　(3)0歳～中学生（入院時食事療養費を除く）</t>
    <phoneticPr fontId="4"/>
  </si>
  <si>
    <t xml:space="preserve"> 横須賀市</t>
  </si>
  <si>
    <t>(1)重度障害者（精神1級の入院を除く）　(2)父母又は養育者及び18未満の児童
(3)０歳から１５歳（住民税所得割非課税世帯を除き10～12歳については通院１回500円負担。中学生は入院のみで償還払い）所得制限あり
(その他)小児ぜん息患者（ぜん息に係る保険医療費）・成人ぜん息患者（気管支ぜん息のみ。市内医療機関等で受診した保険医療費）</t>
    <rPh sb="3" eb="5">
      <t>ジュウド</t>
    </rPh>
    <rPh sb="5" eb="8">
      <t>ショウガイシャ</t>
    </rPh>
    <rPh sb="9" eb="11">
      <t>セイシン</t>
    </rPh>
    <rPh sb="12" eb="13">
      <t>キュウ</t>
    </rPh>
    <rPh sb="14" eb="16">
      <t>ニュウイン</t>
    </rPh>
    <rPh sb="17" eb="18">
      <t>ノゾ</t>
    </rPh>
    <rPh sb="24" eb="26">
      <t>フボ</t>
    </rPh>
    <rPh sb="26" eb="27">
      <t>マタ</t>
    </rPh>
    <rPh sb="28" eb="31">
      <t>ヨウイクシャ</t>
    </rPh>
    <rPh sb="31" eb="32">
      <t>オヨ</t>
    </rPh>
    <rPh sb="35" eb="37">
      <t>ミマン</t>
    </rPh>
    <rPh sb="38" eb="40">
      <t>ジドウ</t>
    </rPh>
    <rPh sb="45" eb="46">
      <t>サイ</t>
    </rPh>
    <rPh sb="50" eb="51">
      <t>サイ</t>
    </rPh>
    <rPh sb="55" eb="57">
      <t>ショトク</t>
    </rPh>
    <rPh sb="57" eb="58">
      <t>ワリ</t>
    </rPh>
    <rPh sb="58" eb="59">
      <t>ヒ</t>
    </rPh>
    <rPh sb="61" eb="63">
      <t>セタイ</t>
    </rPh>
    <rPh sb="64" eb="65">
      <t>ノゾ</t>
    </rPh>
    <rPh sb="88" eb="91">
      <t>チュウガクセイ</t>
    </rPh>
    <rPh sb="92" eb="94">
      <t>ニュウイン</t>
    </rPh>
    <rPh sb="97" eb="99">
      <t>ショウカン</t>
    </rPh>
    <rPh sb="99" eb="100">
      <t>バラ</t>
    </rPh>
    <rPh sb="102" eb="104">
      <t>ショトク</t>
    </rPh>
    <rPh sb="104" eb="106">
      <t>セイゲン</t>
    </rPh>
    <rPh sb="112" eb="113">
      <t>ホカ</t>
    </rPh>
    <rPh sb="114" eb="116">
      <t>ショウニ</t>
    </rPh>
    <rPh sb="118" eb="119">
      <t>ソク</t>
    </rPh>
    <rPh sb="119" eb="121">
      <t>カンジャ</t>
    </rPh>
    <rPh sb="124" eb="125">
      <t>ソク</t>
    </rPh>
    <rPh sb="126" eb="127">
      <t>カカ</t>
    </rPh>
    <rPh sb="128" eb="130">
      <t>ホケン</t>
    </rPh>
    <rPh sb="130" eb="132">
      <t>イリョウ</t>
    </rPh>
    <rPh sb="132" eb="133">
      <t>ヒ</t>
    </rPh>
    <rPh sb="135" eb="137">
      <t>セイジン</t>
    </rPh>
    <rPh sb="139" eb="140">
      <t>ソク</t>
    </rPh>
    <rPh sb="140" eb="142">
      <t>カンジャ</t>
    </rPh>
    <rPh sb="143" eb="146">
      <t>キカンシ</t>
    </rPh>
    <rPh sb="148" eb="149">
      <t>ソク</t>
    </rPh>
    <rPh sb="152" eb="154">
      <t>シナイ</t>
    </rPh>
    <rPh sb="154" eb="156">
      <t>イリョウ</t>
    </rPh>
    <rPh sb="156" eb="158">
      <t>キカン</t>
    </rPh>
    <rPh sb="158" eb="159">
      <t>トウ</t>
    </rPh>
    <rPh sb="160" eb="162">
      <t>ジュシン</t>
    </rPh>
    <rPh sb="164" eb="166">
      <t>ホケン</t>
    </rPh>
    <rPh sb="166" eb="168">
      <t>イリョウ</t>
    </rPh>
    <rPh sb="168" eb="169">
      <t>ヒ</t>
    </rPh>
    <phoneticPr fontId="4"/>
  </si>
  <si>
    <t xml:space="preserve"> 川崎市</t>
  </si>
  <si>
    <t>(1)心身障害者　(2)母子、父子
(3)０歳～中学生(１歳以上所得制限あり)（保護者の住民税が課税の小学４～６年生は通院１回500円負担）</t>
    <rPh sb="3" eb="5">
      <t>シンシン</t>
    </rPh>
    <rPh sb="5" eb="8">
      <t>ショウガイシャ</t>
    </rPh>
    <rPh sb="12" eb="14">
      <t>ボシ</t>
    </rPh>
    <rPh sb="15" eb="17">
      <t>フシ</t>
    </rPh>
    <phoneticPr fontId="4"/>
  </si>
  <si>
    <t xml:space="preserve"> 横浜市</t>
  </si>
  <si>
    <t>(1)重度障害者一部負担金について　(2)ひとり親一部負担金について　(3)小児一部負担金について　(その他)その他の助成事業について</t>
    <rPh sb="8" eb="10">
      <t>イチブ</t>
    </rPh>
    <rPh sb="10" eb="13">
      <t>フタンキン</t>
    </rPh>
    <rPh sb="24" eb="25">
      <t>オヤ</t>
    </rPh>
    <rPh sb="25" eb="27">
      <t>イチブ</t>
    </rPh>
    <rPh sb="27" eb="30">
      <t>フタンキン</t>
    </rPh>
    <rPh sb="38" eb="40">
      <t>ショウニ</t>
    </rPh>
    <rPh sb="40" eb="42">
      <t>イチブ</t>
    </rPh>
    <rPh sb="42" eb="45">
      <t>フタンキン</t>
    </rPh>
    <rPh sb="53" eb="54">
      <t>ホカ</t>
    </rPh>
    <rPh sb="57" eb="58">
      <t>ホカ</t>
    </rPh>
    <rPh sb="59" eb="61">
      <t>ジョセイ</t>
    </rPh>
    <rPh sb="61" eb="63">
      <t>ジギョウ</t>
    </rPh>
    <phoneticPr fontId="4"/>
  </si>
  <si>
    <t>（注３）</t>
    <rPh sb="1" eb="2">
      <t>チュウ</t>
    </rPh>
    <phoneticPr fontId="4"/>
  </si>
  <si>
    <t>精神</t>
  </si>
  <si>
    <t>結核</t>
  </si>
  <si>
    <t>（注１）</t>
    <rPh sb="1" eb="2">
      <t>チュウ</t>
    </rPh>
    <phoneticPr fontId="4"/>
  </si>
  <si>
    <t>葬祭費</t>
  </si>
  <si>
    <t>出産育児
一時金</t>
    <rPh sb="2" eb="4">
      <t>イクジ</t>
    </rPh>
    <rPh sb="5" eb="8">
      <t>イチジキン</t>
    </rPh>
    <phoneticPr fontId="4"/>
  </si>
  <si>
    <t>（注２）</t>
    <rPh sb="1" eb="2">
      <t>チュウ</t>
    </rPh>
    <phoneticPr fontId="4"/>
  </si>
  <si>
    <t>保険者名</t>
  </si>
  <si>
    <t>備       考</t>
  </si>
  <si>
    <t>その他の給付（千円）</t>
    <rPh sb="2" eb="3">
      <t>タ</t>
    </rPh>
    <rPh sb="4" eb="6">
      <t>キュウフ</t>
    </rPh>
    <rPh sb="7" eb="9">
      <t>センエン</t>
    </rPh>
    <phoneticPr fontId="4"/>
  </si>
  <si>
    <t>小児
一部負
担金</t>
    <rPh sb="3" eb="5">
      <t>イチブ</t>
    </rPh>
    <rPh sb="5" eb="6">
      <t>フ</t>
    </rPh>
    <rPh sb="7" eb="8">
      <t>タン</t>
    </rPh>
    <rPh sb="8" eb="9">
      <t>キン</t>
    </rPh>
    <phoneticPr fontId="4"/>
  </si>
  <si>
    <t>ひとり
親一部
負担金</t>
    <rPh sb="4" eb="5">
      <t>オヤ</t>
    </rPh>
    <rPh sb="5" eb="7">
      <t>イチブ</t>
    </rPh>
    <rPh sb="8" eb="11">
      <t>フタンキン</t>
    </rPh>
    <phoneticPr fontId="4"/>
  </si>
  <si>
    <t>結核精神公費
一部負担金</t>
    <rPh sb="7" eb="9">
      <t>イチブ</t>
    </rPh>
    <rPh sb="9" eb="12">
      <t>フタンキン</t>
    </rPh>
    <phoneticPr fontId="4"/>
  </si>
  <si>
    <t>重度障害者一部負担金</t>
    <rPh sb="2" eb="5">
      <t>ショウガイシャ</t>
    </rPh>
    <rPh sb="5" eb="7">
      <t>イチブ</t>
    </rPh>
    <rPh sb="7" eb="9">
      <t>フタン</t>
    </rPh>
    <rPh sb="9" eb="10">
      <t>キン</t>
    </rPh>
    <phoneticPr fontId="4"/>
  </si>
  <si>
    <t>一部負担金割合</t>
    <rPh sb="2" eb="5">
      <t>フタンキン</t>
    </rPh>
    <rPh sb="5" eb="7">
      <t>ワリアイ</t>
    </rPh>
    <phoneticPr fontId="4"/>
  </si>
  <si>
    <t>第14表　国保条例及び福祉政策による給付割合の引上げの状況</t>
    <rPh sb="0" eb="1">
      <t>ダイ</t>
    </rPh>
    <rPh sb="3" eb="4">
      <t>ヒョウ</t>
    </rPh>
    <rPh sb="5" eb="7">
      <t>コクホ</t>
    </rPh>
    <rPh sb="7" eb="9">
      <t>ジョウレイ</t>
    </rPh>
    <rPh sb="9" eb="10">
      <t>オヨ</t>
    </rPh>
    <rPh sb="11" eb="13">
      <t>フクシ</t>
    </rPh>
    <rPh sb="13" eb="15">
      <t>セイサク</t>
    </rPh>
    <rPh sb="18" eb="20">
      <t>キュウフ</t>
    </rPh>
    <rPh sb="20" eb="22">
      <t>ワリアイ</t>
    </rPh>
    <rPh sb="23" eb="25">
      <t>ヒキア</t>
    </rPh>
    <rPh sb="27" eb="29">
      <t>ジョウキョウ</t>
    </rPh>
    <phoneticPr fontId="4"/>
  </si>
  <si>
    <t>0割</t>
    <phoneticPr fontId="4"/>
  </si>
  <si>
    <t>3割</t>
    <phoneticPr fontId="4"/>
  </si>
  <si>
    <t>(1)身障1～3級及び精神1,2級、IQ50以下、高確法別表の者、65歳以上で３ヶ月以上寝たきりの方
(2)18歳未満の子がいる父子・母子または養育者の世帯　(3)０歳～中学生（所得制限あり）</t>
    <phoneticPr fontId="4"/>
  </si>
  <si>
    <t xml:space="preserve">0割 </t>
    <phoneticPr fontId="4"/>
  </si>
  <si>
    <t>(1)心身障害者　(2)母子、父子　(3)0歳～中学生</t>
    <phoneticPr fontId="4"/>
  </si>
  <si>
    <t>医        師</t>
    <phoneticPr fontId="4"/>
  </si>
  <si>
    <t>歯科医師</t>
    <phoneticPr fontId="4"/>
  </si>
  <si>
    <t>食品衛生</t>
    <phoneticPr fontId="4"/>
  </si>
  <si>
    <t xml:space="preserve"> (1)</t>
    <phoneticPr fontId="4"/>
  </si>
  <si>
    <t>薬  剤  師</t>
    <phoneticPr fontId="4"/>
  </si>
  <si>
    <t>建  設  業</t>
    <phoneticPr fontId="4"/>
  </si>
  <si>
    <t>建設連合</t>
    <phoneticPr fontId="4"/>
  </si>
  <si>
    <t>第15表　保険給付状況（全被保険者分）－１</t>
    <rPh sb="12" eb="13">
      <t>ゼン</t>
    </rPh>
    <rPh sb="13" eb="17">
      <t>ヒホケンシャ</t>
    </rPh>
    <rPh sb="17" eb="18">
      <t>ブン</t>
    </rPh>
    <phoneticPr fontId="2"/>
  </si>
  <si>
    <t>（単位：円）</t>
  </si>
  <si>
    <t>第15表　保険給付状況（全被保険者分）－２</t>
    <rPh sb="12" eb="13">
      <t>ゼン</t>
    </rPh>
    <rPh sb="13" eb="17">
      <t>ヒホケンシャ</t>
    </rPh>
    <rPh sb="17" eb="18">
      <t>ブン</t>
    </rPh>
    <phoneticPr fontId="2"/>
  </si>
  <si>
    <t>第15表　保険給付状況（全被保険者分）－３</t>
    <rPh sb="12" eb="13">
      <t>ゼン</t>
    </rPh>
    <rPh sb="13" eb="17">
      <t>ヒホケンシャ</t>
    </rPh>
    <rPh sb="17" eb="18">
      <t>ブン</t>
    </rPh>
    <phoneticPr fontId="2"/>
  </si>
  <si>
    <t>第15表　保険給付状況（全被保険者分）－４</t>
    <rPh sb="12" eb="13">
      <t>ゼン</t>
    </rPh>
    <rPh sb="13" eb="17">
      <t>ヒホケンシャ</t>
    </rPh>
    <rPh sb="17" eb="18">
      <t>ブン</t>
    </rPh>
    <phoneticPr fontId="2"/>
  </si>
  <si>
    <t>第15表　保険給付状況（全被保険者分）－５</t>
    <rPh sb="12" eb="13">
      <t>ゼン</t>
    </rPh>
    <rPh sb="13" eb="17">
      <t>ヒホケンシャ</t>
    </rPh>
    <rPh sb="17" eb="18">
      <t>ブン</t>
    </rPh>
    <phoneticPr fontId="2"/>
  </si>
  <si>
    <t>療　　養　　の　　給　　付　　等</t>
  </si>
  <si>
    <t>療　　養　　の　　給　　付　　等</t>
    <rPh sb="0" eb="1">
      <t>リョウ</t>
    </rPh>
    <rPh sb="3" eb="4">
      <t>オサム</t>
    </rPh>
    <rPh sb="9" eb="10">
      <t>キュウ</t>
    </rPh>
    <rPh sb="12" eb="13">
      <t>ヅケ</t>
    </rPh>
    <rPh sb="15" eb="16">
      <t>トウ</t>
    </rPh>
    <phoneticPr fontId="10"/>
  </si>
  <si>
    <t>療　　　　養　　　　費　　　　等</t>
    <rPh sb="0" eb="1">
      <t>リョウ</t>
    </rPh>
    <rPh sb="5" eb="6">
      <t>オサム</t>
    </rPh>
    <rPh sb="10" eb="11">
      <t>ヒ</t>
    </rPh>
    <rPh sb="15" eb="16">
      <t>トウ</t>
    </rPh>
    <phoneticPr fontId="10"/>
  </si>
  <si>
    <t>療　養　費　等</t>
    <rPh sb="0" eb="1">
      <t>リョウ</t>
    </rPh>
    <rPh sb="2" eb="3">
      <t>オサム</t>
    </rPh>
    <rPh sb="4" eb="5">
      <t>ヒ</t>
    </rPh>
    <rPh sb="6" eb="7">
      <t>トウ</t>
    </rPh>
    <phoneticPr fontId="10"/>
  </si>
  <si>
    <t>療   養   諸   費   計   (Ａ）
＜療養の給付等＋療養費＞</t>
    <rPh sb="25" eb="27">
      <t>リョウヨウ</t>
    </rPh>
    <rPh sb="28" eb="30">
      <t>キュウフ</t>
    </rPh>
    <rPh sb="30" eb="31">
      <t>トウ</t>
    </rPh>
    <rPh sb="32" eb="35">
      <t>リョウヨウヒ</t>
    </rPh>
    <phoneticPr fontId="2"/>
  </si>
  <si>
    <t>療  養  諸  費  費  用  額  負  担  区  分</t>
  </si>
  <si>
    <t>高   額   療   養   費   (再掲)</t>
    <phoneticPr fontId="10"/>
  </si>
  <si>
    <t>高額介護合算療養費（再掲）</t>
    <rPh sb="0" eb="2">
      <t>コウガク</t>
    </rPh>
    <rPh sb="2" eb="4">
      <t>カイゴ</t>
    </rPh>
    <rPh sb="4" eb="6">
      <t>ガッサン</t>
    </rPh>
    <rPh sb="6" eb="9">
      <t>リョウヨウヒ</t>
    </rPh>
    <rPh sb="10" eb="12">
      <t>サイケイ</t>
    </rPh>
    <phoneticPr fontId="10"/>
  </si>
  <si>
    <t>そ　　の　　他　　の　　保　　険　　給　　付</t>
  </si>
  <si>
    <t>保   険   給   付   総   計
（Ａ）＋（Ｂ）</t>
    <phoneticPr fontId="2"/>
  </si>
  <si>
    <t>診      　　　療　　　      費</t>
  </si>
  <si>
    <t>調剤</t>
    <rPh sb="0" eb="1">
      <t>チョウ</t>
    </rPh>
    <rPh sb="1" eb="2">
      <t>ザイ</t>
    </rPh>
    <phoneticPr fontId="2"/>
  </si>
  <si>
    <t>食事療養・生活療養</t>
    <rPh sb="5" eb="7">
      <t>セイカツ</t>
    </rPh>
    <rPh sb="7" eb="9">
      <t>リョウヨウ</t>
    </rPh>
    <phoneticPr fontId="10"/>
  </si>
  <si>
    <t>訪問看護</t>
    <phoneticPr fontId="10"/>
  </si>
  <si>
    <t>合計</t>
    <phoneticPr fontId="10"/>
  </si>
  <si>
    <t>食事療養
生活療養</t>
    <rPh sb="2" eb="4">
      <t>リョウヨウ</t>
    </rPh>
    <rPh sb="5" eb="7">
      <t>セイカツ</t>
    </rPh>
    <rPh sb="7" eb="9">
      <t>リョウヨウ</t>
    </rPh>
    <phoneticPr fontId="2"/>
  </si>
  <si>
    <t>療　　　　養　　　　費</t>
  </si>
  <si>
    <t>移　送　費</t>
    <phoneticPr fontId="10"/>
  </si>
  <si>
    <t>入院</t>
    <phoneticPr fontId="10"/>
  </si>
  <si>
    <t>入院外</t>
    <phoneticPr fontId="10"/>
  </si>
  <si>
    <t>歯科</t>
    <phoneticPr fontId="10"/>
  </si>
  <si>
    <t>小計</t>
    <phoneticPr fontId="10"/>
  </si>
  <si>
    <t>診療費</t>
    <phoneticPr fontId="10"/>
  </si>
  <si>
    <t>補装具</t>
    <rPh sb="0" eb="3">
      <t>ホソウグ</t>
    </rPh>
    <phoneticPr fontId="10"/>
  </si>
  <si>
    <t>柔　道　整　復　師</t>
    <rPh sb="0" eb="1">
      <t>ジュウ</t>
    </rPh>
    <rPh sb="2" eb="3">
      <t>ミチ</t>
    </rPh>
    <rPh sb="4" eb="5">
      <t>タダシ</t>
    </rPh>
    <rPh sb="6" eb="7">
      <t>マタ</t>
    </rPh>
    <rPh sb="8" eb="9">
      <t>シ</t>
    </rPh>
    <phoneticPr fontId="10"/>
  </si>
  <si>
    <t>アンマ・マッサージ</t>
    <phoneticPr fontId="10"/>
  </si>
  <si>
    <t>ハリ・キュウ</t>
    <phoneticPr fontId="10"/>
  </si>
  <si>
    <t>その他</t>
    <phoneticPr fontId="10"/>
  </si>
  <si>
    <t>小計</t>
    <phoneticPr fontId="10"/>
  </si>
  <si>
    <t>海外療養費（再掲）</t>
    <rPh sb="0" eb="2">
      <t>カイガイ</t>
    </rPh>
    <rPh sb="2" eb="5">
      <t>リョウヨウヒ</t>
    </rPh>
    <rPh sb="6" eb="7">
      <t>サイ</t>
    </rPh>
    <rPh sb="7" eb="8">
      <t>ケイ</t>
    </rPh>
    <phoneticPr fontId="10"/>
  </si>
  <si>
    <t>保険者負担分</t>
  </si>
  <si>
    <t>一　部　負　担　金</t>
    <phoneticPr fontId="10"/>
  </si>
  <si>
    <t>他 法 負 担 分</t>
    <phoneticPr fontId="2"/>
  </si>
  <si>
    <t>出産育児一時金</t>
    <rPh sb="4" eb="7">
      <t>イチジキン</t>
    </rPh>
    <phoneticPr fontId="2"/>
  </si>
  <si>
    <t>葬 祭 費</t>
    <rPh sb="4" eb="5">
      <t>ヒ</t>
    </rPh>
    <phoneticPr fontId="2"/>
  </si>
  <si>
    <t>傷　病　手　当　金</t>
    <rPh sb="0" eb="1">
      <t>キズ</t>
    </rPh>
    <rPh sb="2" eb="3">
      <t>ビョウ</t>
    </rPh>
    <rPh sb="4" eb="5">
      <t>テ</t>
    </rPh>
    <rPh sb="6" eb="7">
      <t>トウ</t>
    </rPh>
    <rPh sb="8" eb="9">
      <t>キン</t>
    </rPh>
    <phoneticPr fontId="10"/>
  </si>
  <si>
    <t>出　産　手　当　金</t>
    <rPh sb="0" eb="1">
      <t>デ</t>
    </rPh>
    <rPh sb="2" eb="3">
      <t>サン</t>
    </rPh>
    <rPh sb="4" eb="5">
      <t>テ</t>
    </rPh>
    <rPh sb="6" eb="7">
      <t>トウ</t>
    </rPh>
    <rPh sb="8" eb="9">
      <t>キン</t>
    </rPh>
    <phoneticPr fontId="10"/>
  </si>
  <si>
    <t>合     計    (Ｂ)</t>
    <phoneticPr fontId="10"/>
  </si>
  <si>
    <t>件　数</t>
  </si>
  <si>
    <t>日　数</t>
  </si>
  <si>
    <t>費 用 額 (円)</t>
  </si>
  <si>
    <t>処方箋枚数</t>
  </si>
  <si>
    <t>件　数</t>
    <phoneticPr fontId="10"/>
  </si>
  <si>
    <t>件  数</t>
    <phoneticPr fontId="10"/>
  </si>
  <si>
    <t>費 用 額 (円)</t>
    <phoneticPr fontId="10"/>
  </si>
  <si>
    <t>件数</t>
    <rPh sb="0" eb="2">
      <t>ケンスウ</t>
    </rPh>
    <phoneticPr fontId="10"/>
  </si>
  <si>
    <t>費　用　額</t>
  </si>
  <si>
    <t>費用額(円）</t>
  </si>
  <si>
    <t xml:space="preserve"> 横浜市</t>
    <phoneticPr fontId="2"/>
  </si>
  <si>
    <t xml:space="preserve"> 座間市</t>
    <phoneticPr fontId="10"/>
  </si>
  <si>
    <t xml:space="preserve"> 葉山町</t>
    <rPh sb="1" eb="4">
      <t>ハヤママチ</t>
    </rPh>
    <phoneticPr fontId="10"/>
  </si>
  <si>
    <t xml:space="preserve"> 寒川町</t>
    <rPh sb="1" eb="4">
      <t>サムカワマチ</t>
    </rPh>
    <phoneticPr fontId="10"/>
  </si>
  <si>
    <t xml:space="preserve"> 綾瀬市</t>
    <rPh sb="1" eb="3">
      <t>アヤセ</t>
    </rPh>
    <rPh sb="3" eb="4">
      <t>シ</t>
    </rPh>
    <phoneticPr fontId="10"/>
  </si>
  <si>
    <t>市町村計</t>
  </si>
  <si>
    <t xml:space="preserve"> 医　師</t>
    <phoneticPr fontId="2"/>
  </si>
  <si>
    <t xml:space="preserve"> 歯科医師</t>
    <phoneticPr fontId="2"/>
  </si>
  <si>
    <t xml:space="preserve"> 食品衛生</t>
    <phoneticPr fontId="2"/>
  </si>
  <si>
    <t xml:space="preserve"> 薬剤師</t>
    <phoneticPr fontId="2"/>
  </si>
  <si>
    <t xml:space="preserve"> 建設業</t>
    <phoneticPr fontId="2"/>
  </si>
  <si>
    <t xml:space="preserve"> 建設連合</t>
    <phoneticPr fontId="2"/>
  </si>
  <si>
    <t>組   合   計</t>
    <phoneticPr fontId="10"/>
  </si>
  <si>
    <t>県　　         計</t>
    <phoneticPr fontId="10"/>
  </si>
  <si>
    <t>（注）｢療養の給付等｣中、｢食事療養｣の件数は｢合計｣の件数に含めない。</t>
  </si>
  <si>
    <t>第16表 保険給付状況(退職被保険者等分 再掲)－１</t>
    <rPh sb="18" eb="19">
      <t>トウ</t>
    </rPh>
    <phoneticPr fontId="2"/>
  </si>
  <si>
    <t>第16表　保険給付状況(退職被保険者等分 再掲)－２</t>
    <rPh sb="18" eb="19">
      <t>トウ</t>
    </rPh>
    <phoneticPr fontId="2"/>
  </si>
  <si>
    <t>第16表　保険給付状況(退職被保険者等分 再掲)－３</t>
    <rPh sb="18" eb="19">
      <t>トウ</t>
    </rPh>
    <phoneticPr fontId="2"/>
  </si>
  <si>
    <t>第１７表　保険給付状況(退職被保険者等分 再掲)－４</t>
    <rPh sb="18" eb="19">
      <t>トウ</t>
    </rPh>
    <phoneticPr fontId="2"/>
  </si>
  <si>
    <t>第16表　保険給付状況(退職被保険者等分 再掲)－４</t>
    <rPh sb="18" eb="19">
      <t>トウ</t>
    </rPh>
    <phoneticPr fontId="2"/>
  </si>
  <si>
    <t>（単位：円）</t>
    <phoneticPr fontId="2"/>
  </si>
  <si>
    <t>療　　　養　　　の　　　給　　　付　　　等</t>
    <phoneticPr fontId="2"/>
  </si>
  <si>
    <t>療　　養　　の　　給　　付　　等</t>
    <rPh sb="0" eb="1">
      <t>リョウ</t>
    </rPh>
    <rPh sb="3" eb="4">
      <t>オサム</t>
    </rPh>
    <rPh sb="9" eb="10">
      <t>キュウ</t>
    </rPh>
    <rPh sb="12" eb="13">
      <t>ヅケ</t>
    </rPh>
    <rPh sb="15" eb="16">
      <t>トウ</t>
    </rPh>
    <phoneticPr fontId="2"/>
  </si>
  <si>
    <t>療         養         費         等</t>
    <phoneticPr fontId="2"/>
  </si>
  <si>
    <t>療　　　養　　　費　　　等</t>
    <rPh sb="0" eb="1">
      <t>リョウ</t>
    </rPh>
    <rPh sb="4" eb="5">
      <t>オサム</t>
    </rPh>
    <rPh sb="8" eb="9">
      <t>ヒ</t>
    </rPh>
    <rPh sb="12" eb="13">
      <t>トウ</t>
    </rPh>
    <phoneticPr fontId="2"/>
  </si>
  <si>
    <t>療    養    諸    費    費    用    額    負    担    区    分</t>
    <phoneticPr fontId="2"/>
  </si>
  <si>
    <t>保険者名</t>
    <rPh sb="0" eb="3">
      <t>ホケンシャ</t>
    </rPh>
    <rPh sb="3" eb="4">
      <t>メイ</t>
    </rPh>
    <phoneticPr fontId="2"/>
  </si>
  <si>
    <t>食事療養・生活療養</t>
    <rPh sb="5" eb="7">
      <t>セイカツ</t>
    </rPh>
    <rPh sb="7" eb="9">
      <t>リョウヨウ</t>
    </rPh>
    <phoneticPr fontId="2"/>
  </si>
  <si>
    <t>訪問看護</t>
    <phoneticPr fontId="2"/>
  </si>
  <si>
    <t>合計</t>
    <phoneticPr fontId="2"/>
  </si>
  <si>
    <t>食事療養
生活療養
件　　数</t>
    <rPh sb="2" eb="4">
      <t>リョウヨウ</t>
    </rPh>
    <rPh sb="5" eb="7">
      <t>セイカツ</t>
    </rPh>
    <rPh sb="7" eb="9">
      <t>リョウヨウ</t>
    </rPh>
    <rPh sb="10" eb="11">
      <t>ケン</t>
    </rPh>
    <rPh sb="13" eb="14">
      <t>カズ</t>
    </rPh>
    <phoneticPr fontId="2"/>
  </si>
  <si>
    <t>療　　養　　費</t>
    <rPh sb="0" eb="1">
      <t>リョウ</t>
    </rPh>
    <rPh sb="3" eb="4">
      <t>オサム</t>
    </rPh>
    <rPh sb="6" eb="7">
      <t>ヒ</t>
    </rPh>
    <phoneticPr fontId="2"/>
  </si>
  <si>
    <t>移送費</t>
    <phoneticPr fontId="2"/>
  </si>
  <si>
    <t>高 額 療 養 費(再掲)</t>
  </si>
  <si>
    <t>高額介護合算療養費(再掲)</t>
    <rPh sb="0" eb="2">
      <t>コウガク</t>
    </rPh>
    <rPh sb="2" eb="4">
      <t>カイゴ</t>
    </rPh>
    <rPh sb="4" eb="6">
      <t>ガッサン</t>
    </rPh>
    <rPh sb="6" eb="9">
      <t>リョウヨウヒ</t>
    </rPh>
    <phoneticPr fontId="2"/>
  </si>
  <si>
    <t>入院</t>
    <phoneticPr fontId="2"/>
  </si>
  <si>
    <t>入院外</t>
    <phoneticPr fontId="2"/>
  </si>
  <si>
    <t>歯科</t>
    <phoneticPr fontId="2"/>
  </si>
  <si>
    <t>小　　　　計</t>
  </si>
  <si>
    <t>診療費</t>
    <phoneticPr fontId="2"/>
  </si>
  <si>
    <t>補　　装　　具　</t>
    <rPh sb="0" eb="1">
      <t>タスク</t>
    </rPh>
    <rPh sb="3" eb="4">
      <t>ソウ</t>
    </rPh>
    <rPh sb="6" eb="7">
      <t>グ</t>
    </rPh>
    <phoneticPr fontId="2"/>
  </si>
  <si>
    <t>柔　道　整　復　師</t>
    <rPh sb="0" eb="1">
      <t>ジュウ</t>
    </rPh>
    <rPh sb="2" eb="3">
      <t>ミチ</t>
    </rPh>
    <rPh sb="4" eb="5">
      <t>タダシ</t>
    </rPh>
    <rPh sb="6" eb="7">
      <t>マタ</t>
    </rPh>
    <rPh sb="8" eb="9">
      <t>シ</t>
    </rPh>
    <phoneticPr fontId="2"/>
  </si>
  <si>
    <t>アンマ・マッサージ</t>
    <phoneticPr fontId="2"/>
  </si>
  <si>
    <t>ハリ・キュウ</t>
    <phoneticPr fontId="2"/>
  </si>
  <si>
    <t>その他</t>
    <phoneticPr fontId="2"/>
  </si>
  <si>
    <t>小計</t>
    <phoneticPr fontId="2"/>
  </si>
  <si>
    <t>海外療養費（再掲）</t>
    <rPh sb="0" eb="2">
      <t>カイガイ</t>
    </rPh>
    <rPh sb="2" eb="5">
      <t>リョウヨウヒ</t>
    </rPh>
    <rPh sb="6" eb="7">
      <t>サイ</t>
    </rPh>
    <rPh sb="7" eb="8">
      <t>ケイ</t>
    </rPh>
    <phoneticPr fontId="2"/>
  </si>
  <si>
    <t>一部負担金</t>
    <rPh sb="0" eb="2">
      <t>イチブ</t>
    </rPh>
    <rPh sb="2" eb="5">
      <t>フタンキン</t>
    </rPh>
    <phoneticPr fontId="2"/>
  </si>
  <si>
    <t>件数</t>
    <phoneticPr fontId="2"/>
  </si>
  <si>
    <t>日数</t>
    <phoneticPr fontId="2"/>
  </si>
  <si>
    <t>費用額 (円)</t>
    <phoneticPr fontId="2"/>
  </si>
  <si>
    <t>件数</t>
    <phoneticPr fontId="2"/>
  </si>
  <si>
    <t>件数</t>
    <phoneticPr fontId="2"/>
  </si>
  <si>
    <t>費用額 (円)</t>
    <phoneticPr fontId="2"/>
  </si>
  <si>
    <t>日数</t>
    <phoneticPr fontId="2"/>
  </si>
  <si>
    <t>費用額 (円)</t>
    <phoneticPr fontId="2"/>
  </si>
  <si>
    <t>費用額 (円)</t>
    <phoneticPr fontId="2"/>
  </si>
  <si>
    <t>日数</t>
    <phoneticPr fontId="2"/>
  </si>
  <si>
    <t>件数</t>
    <phoneticPr fontId="2"/>
  </si>
  <si>
    <t>件数</t>
    <rPh sb="0" eb="2">
      <t>ケンスウ</t>
    </rPh>
    <phoneticPr fontId="2"/>
  </si>
  <si>
    <t>費用額（円）</t>
    <rPh sb="0" eb="2">
      <t>ヒヨウ</t>
    </rPh>
    <rPh sb="2" eb="3">
      <t>ガク</t>
    </rPh>
    <rPh sb="4" eb="5">
      <t>エン</t>
    </rPh>
    <phoneticPr fontId="2"/>
  </si>
  <si>
    <t>横浜市</t>
  </si>
  <si>
    <t xml:space="preserve"> 医　師</t>
    <phoneticPr fontId="2"/>
  </si>
  <si>
    <t>－</t>
    <phoneticPr fontId="2"/>
  </si>
  <si>
    <t>－</t>
    <phoneticPr fontId="2"/>
  </si>
  <si>
    <t>－</t>
    <phoneticPr fontId="2"/>
  </si>
  <si>
    <t>－</t>
  </si>
  <si>
    <t xml:space="preserve"> 医　師</t>
    <phoneticPr fontId="2"/>
  </si>
  <si>
    <t xml:space="preserve"> 歯科医師</t>
    <phoneticPr fontId="2"/>
  </si>
  <si>
    <t xml:space="preserve"> 食品衛生</t>
    <phoneticPr fontId="2"/>
  </si>
  <si>
    <t xml:space="preserve"> 食品衛生</t>
    <phoneticPr fontId="2"/>
  </si>
  <si>
    <t xml:space="preserve"> 薬剤師</t>
    <phoneticPr fontId="2"/>
  </si>
  <si>
    <t xml:space="preserve"> 薬剤師</t>
    <phoneticPr fontId="2"/>
  </si>
  <si>
    <t xml:space="preserve"> 建設業</t>
    <phoneticPr fontId="2"/>
  </si>
  <si>
    <t xml:space="preserve"> 建設業</t>
    <phoneticPr fontId="2"/>
  </si>
  <si>
    <t xml:space="preserve"> 建設連合</t>
    <phoneticPr fontId="2"/>
  </si>
  <si>
    <t xml:space="preserve"> 建設連合</t>
    <phoneticPr fontId="2"/>
  </si>
  <si>
    <t>組   合   計</t>
    <phoneticPr fontId="10"/>
  </si>
  <si>
    <t>第17表 総医療費 (療養諸費等計）</t>
    <phoneticPr fontId="2"/>
  </si>
  <si>
    <t>一般</t>
    <phoneticPr fontId="2"/>
  </si>
  <si>
    <t>退職者</t>
    <rPh sb="0" eb="3">
      <t>タイショクシャ</t>
    </rPh>
    <phoneticPr fontId="2"/>
  </si>
  <si>
    <t>前期高齢者</t>
    <rPh sb="0" eb="2">
      <t>ゼンキ</t>
    </rPh>
    <rPh sb="2" eb="5">
      <t>コウレイシャ</t>
    </rPh>
    <phoneticPr fontId="2"/>
  </si>
  <si>
    <t>総 医 療 費</t>
  </si>
  <si>
    <t>（１）</t>
  </si>
  <si>
    <t>（２）</t>
  </si>
  <si>
    <t>(1)+(2)</t>
    <phoneticPr fontId="2"/>
  </si>
  <si>
    <t>第18表　一人当たり医療費の状況</t>
    <rPh sb="0" eb="1">
      <t>ダイ</t>
    </rPh>
    <rPh sb="3" eb="4">
      <t>ヒョウ</t>
    </rPh>
    <rPh sb="10" eb="12">
      <t>イリョウ</t>
    </rPh>
    <phoneticPr fontId="2"/>
  </si>
  <si>
    <t>一般</t>
    <rPh sb="0" eb="2">
      <t>イッパン</t>
    </rPh>
    <phoneticPr fontId="2"/>
  </si>
  <si>
    <t>被保険者全体
（一般＋退職者）</t>
    <rPh sb="8" eb="10">
      <t>イッパン</t>
    </rPh>
    <rPh sb="11" eb="13">
      <t>タイショク</t>
    </rPh>
    <rPh sb="13" eb="14">
      <t>シャ</t>
    </rPh>
    <phoneticPr fontId="10"/>
  </si>
  <si>
    <t>円</t>
  </si>
  <si>
    <t>順位</t>
  </si>
  <si>
    <t xml:space="preserve"> 医　師</t>
    <phoneticPr fontId="2"/>
  </si>
  <si>
    <t>町村部平均</t>
  </si>
  <si>
    <t>市町村平均</t>
  </si>
  <si>
    <t>第19表　一人当たり療養費等の状況</t>
    <rPh sb="0" eb="1">
      <t>ダイ</t>
    </rPh>
    <rPh sb="3" eb="4">
      <t>ヒョウ</t>
    </rPh>
    <rPh sb="10" eb="12">
      <t>リョウヨウ</t>
    </rPh>
    <rPh sb="13" eb="14">
      <t>トウ</t>
    </rPh>
    <phoneticPr fontId="2"/>
  </si>
  <si>
    <t>柔道整復師</t>
    <rPh sb="0" eb="2">
      <t>ジュウドウ</t>
    </rPh>
    <rPh sb="2" eb="4">
      <t>セイフク</t>
    </rPh>
    <rPh sb="4" eb="5">
      <t>シ</t>
    </rPh>
    <phoneticPr fontId="2"/>
  </si>
  <si>
    <t>高額療養費</t>
    <rPh sb="0" eb="2">
      <t>コウガク</t>
    </rPh>
    <rPh sb="2" eb="5">
      <t>リョウヨウヒ</t>
    </rPh>
    <phoneticPr fontId="10"/>
  </si>
  <si>
    <t>海外療養費</t>
    <rPh sb="0" eb="2">
      <t>カイガイ</t>
    </rPh>
    <rPh sb="2" eb="5">
      <t>リョウヨウヒ</t>
    </rPh>
    <phoneticPr fontId="2"/>
  </si>
  <si>
    <t>円</t>
    <rPh sb="0" eb="1">
      <t>エン</t>
    </rPh>
    <phoneticPr fontId="2"/>
  </si>
  <si>
    <t>順位</t>
    <rPh sb="0" eb="2">
      <t>ジュンイ</t>
    </rPh>
    <phoneticPr fontId="2"/>
  </si>
  <si>
    <t>－</t>
    <phoneticPr fontId="2"/>
  </si>
  <si>
    <t xml:space="preserve"> 薬剤師</t>
    <phoneticPr fontId="2"/>
  </si>
  <si>
    <t>組   合   計</t>
    <phoneticPr fontId="2"/>
  </si>
  <si>
    <t>県            計</t>
    <phoneticPr fontId="2"/>
  </si>
  <si>
    <t>市 部 平 均</t>
    <phoneticPr fontId="2"/>
  </si>
  <si>
    <t>組  合  平  均</t>
    <phoneticPr fontId="2"/>
  </si>
  <si>
    <t>県     平     均</t>
    <phoneticPr fontId="2"/>
  </si>
  <si>
    <t>ハリ・キュウ</t>
    <phoneticPr fontId="2"/>
  </si>
  <si>
    <t xml:space="preserve"> 歯科医師</t>
    <phoneticPr fontId="2"/>
  </si>
  <si>
    <t xml:space="preserve"> 薬剤師</t>
    <phoneticPr fontId="2"/>
  </si>
  <si>
    <t xml:space="preserve"> 建設業</t>
    <phoneticPr fontId="2"/>
  </si>
  <si>
    <t xml:space="preserve"> 建設連合</t>
    <phoneticPr fontId="2"/>
  </si>
  <si>
    <t>－</t>
    <phoneticPr fontId="2"/>
  </si>
  <si>
    <t>組  合  平  均</t>
    <phoneticPr fontId="2"/>
  </si>
  <si>
    <t>県     平     均</t>
    <phoneticPr fontId="2"/>
  </si>
  <si>
    <t>県　　計</t>
  </si>
  <si>
    <t>県　        　計</t>
    <phoneticPr fontId="0"/>
  </si>
  <si>
    <t>組合計</t>
  </si>
  <si>
    <t>組  合  計</t>
    <phoneticPr fontId="0"/>
  </si>
  <si>
    <t>建設連合</t>
  </si>
  <si>
    <t xml:space="preserve"> 建設連合</t>
    <phoneticPr fontId="0"/>
  </si>
  <si>
    <t xml:space="preserve"> 建設連合</t>
    <phoneticPr fontId="0"/>
  </si>
  <si>
    <t>建設業</t>
  </si>
  <si>
    <t xml:space="preserve"> 建設業</t>
    <phoneticPr fontId="0"/>
  </si>
  <si>
    <t xml:space="preserve"> 建設業</t>
    <phoneticPr fontId="0"/>
  </si>
  <si>
    <t>薬剤師</t>
  </si>
  <si>
    <t xml:space="preserve"> 薬剤師</t>
    <phoneticPr fontId="0"/>
  </si>
  <si>
    <t xml:space="preserve"> 薬剤師</t>
    <phoneticPr fontId="0"/>
  </si>
  <si>
    <t>食品衛生</t>
  </si>
  <si>
    <t xml:space="preserve"> 食品衛生</t>
    <phoneticPr fontId="0"/>
  </si>
  <si>
    <t>歯科医師</t>
  </si>
  <si>
    <t xml:space="preserve"> 歯科医師</t>
    <phoneticPr fontId="0"/>
  </si>
  <si>
    <t>医　師</t>
  </si>
  <si>
    <t xml:space="preserve"> 医　師</t>
    <phoneticPr fontId="0"/>
  </si>
  <si>
    <t xml:space="preserve"> 清川村</t>
    <phoneticPr fontId="0"/>
  </si>
  <si>
    <t xml:space="preserve"> 愛川町</t>
    <phoneticPr fontId="0"/>
  </si>
  <si>
    <t xml:space="preserve"> 湯河原町</t>
    <phoneticPr fontId="0"/>
  </si>
  <si>
    <t xml:space="preserve"> 真鶴町</t>
    <phoneticPr fontId="0"/>
  </si>
  <si>
    <t xml:space="preserve"> 箱根町</t>
    <phoneticPr fontId="0"/>
  </si>
  <si>
    <t xml:space="preserve"> 開成町</t>
    <phoneticPr fontId="0"/>
  </si>
  <si>
    <t xml:space="preserve"> 山北町</t>
    <phoneticPr fontId="0"/>
  </si>
  <si>
    <t xml:space="preserve"> 松田町</t>
    <phoneticPr fontId="0"/>
  </si>
  <si>
    <t xml:space="preserve"> 大井町</t>
    <phoneticPr fontId="0"/>
  </si>
  <si>
    <t xml:space="preserve"> 中井町</t>
    <phoneticPr fontId="0"/>
  </si>
  <si>
    <t xml:space="preserve"> 二宮町</t>
    <phoneticPr fontId="0"/>
  </si>
  <si>
    <t xml:space="preserve"> 大磯町</t>
    <phoneticPr fontId="0"/>
  </si>
  <si>
    <t xml:space="preserve"> 綾瀬市</t>
    <phoneticPr fontId="0"/>
  </si>
  <si>
    <t xml:space="preserve"> 寒川町</t>
    <phoneticPr fontId="0"/>
  </si>
  <si>
    <t xml:space="preserve"> 葉山町</t>
    <phoneticPr fontId="0"/>
  </si>
  <si>
    <t xml:space="preserve"> 南足柄市</t>
    <phoneticPr fontId="0"/>
  </si>
  <si>
    <t xml:space="preserve"> 座間市</t>
    <phoneticPr fontId="0"/>
  </si>
  <si>
    <t xml:space="preserve"> 海老名市</t>
    <phoneticPr fontId="0"/>
  </si>
  <si>
    <t xml:space="preserve"> 伊勢原市</t>
    <phoneticPr fontId="0"/>
  </si>
  <si>
    <t xml:space="preserve"> 大和市</t>
    <phoneticPr fontId="0"/>
  </si>
  <si>
    <t xml:space="preserve"> 厚木市</t>
    <phoneticPr fontId="0"/>
  </si>
  <si>
    <t xml:space="preserve"> 秦野市</t>
    <phoneticPr fontId="0"/>
  </si>
  <si>
    <t xml:space="preserve"> 三浦市</t>
    <phoneticPr fontId="0"/>
  </si>
  <si>
    <t xml:space="preserve"> 相模原市</t>
    <phoneticPr fontId="0"/>
  </si>
  <si>
    <t xml:space="preserve"> 逗子市</t>
    <phoneticPr fontId="0"/>
  </si>
  <si>
    <t xml:space="preserve"> 茅ヶ崎市</t>
    <phoneticPr fontId="0"/>
  </si>
  <si>
    <t xml:space="preserve"> 小田原市</t>
    <phoneticPr fontId="0"/>
  </si>
  <si>
    <t xml:space="preserve"> 藤沢市</t>
    <phoneticPr fontId="0"/>
  </si>
  <si>
    <t xml:space="preserve"> 鎌倉市</t>
    <phoneticPr fontId="0"/>
  </si>
  <si>
    <t xml:space="preserve"> 平塚市</t>
    <phoneticPr fontId="0"/>
  </si>
  <si>
    <t xml:space="preserve"> 横須賀市</t>
    <phoneticPr fontId="0"/>
  </si>
  <si>
    <t xml:space="preserve"> 川崎市</t>
    <phoneticPr fontId="0"/>
  </si>
  <si>
    <t xml:space="preserve"> 横浜市</t>
    <phoneticPr fontId="0"/>
  </si>
  <si>
    <t>件 数</t>
  </si>
  <si>
    <t>費用額（円）</t>
    <rPh sb="0" eb="2">
      <t>ヒヨウ</t>
    </rPh>
    <rPh sb="2" eb="3">
      <t>ガク</t>
    </rPh>
    <rPh sb="4" eb="5">
      <t>エン</t>
    </rPh>
    <phoneticPr fontId="0"/>
  </si>
  <si>
    <t>件数</t>
    <rPh sb="0" eb="2">
      <t>ケンスウ</t>
    </rPh>
    <phoneticPr fontId="0"/>
  </si>
  <si>
    <t>件　数</t>
    <rPh sb="0" eb="1">
      <t>ケン</t>
    </rPh>
    <rPh sb="2" eb="3">
      <t>カズ</t>
    </rPh>
    <phoneticPr fontId="0"/>
  </si>
  <si>
    <t>合   計  (Ｂ)</t>
  </si>
  <si>
    <t>葬 祭 費</t>
    <rPh sb="4" eb="5">
      <t>ヒ</t>
    </rPh>
    <phoneticPr fontId="0"/>
  </si>
  <si>
    <t>出産育児一時金</t>
    <rPh sb="4" eb="7">
      <t>イチジキン</t>
    </rPh>
    <phoneticPr fontId="0"/>
  </si>
  <si>
    <t>他法負担分</t>
    <phoneticPr fontId="0"/>
  </si>
  <si>
    <t>一 部 負 担 金</t>
  </si>
  <si>
    <t>小計</t>
    <phoneticPr fontId="0"/>
  </si>
  <si>
    <t>歯科</t>
    <phoneticPr fontId="0"/>
  </si>
  <si>
    <t>入院外</t>
    <phoneticPr fontId="0"/>
  </si>
  <si>
    <t>入院</t>
    <phoneticPr fontId="0"/>
  </si>
  <si>
    <t>高  額  療  養  費 (再掲)</t>
    <phoneticPr fontId="0"/>
  </si>
  <si>
    <t>移　送　費</t>
    <rPh sb="0" eb="1">
      <t>ウツリ</t>
    </rPh>
    <rPh sb="2" eb="3">
      <t>ソウ</t>
    </rPh>
    <rPh sb="4" eb="5">
      <t>ヒ</t>
    </rPh>
    <phoneticPr fontId="0"/>
  </si>
  <si>
    <t>海外療養費（再掲）</t>
    <rPh sb="0" eb="2">
      <t>カイガイ</t>
    </rPh>
    <rPh sb="2" eb="5">
      <t>リョウヨウヒ</t>
    </rPh>
    <rPh sb="6" eb="7">
      <t>サイ</t>
    </rPh>
    <rPh sb="7" eb="8">
      <t>ケイ</t>
    </rPh>
    <phoneticPr fontId="0"/>
  </si>
  <si>
    <t>療　養　費</t>
    <rPh sb="0" eb="1">
      <t>リョウ</t>
    </rPh>
    <rPh sb="2" eb="3">
      <t>オサム</t>
    </rPh>
    <rPh sb="4" eb="5">
      <t>ヒ</t>
    </rPh>
    <phoneticPr fontId="0"/>
  </si>
  <si>
    <t>食事療養   生活療養</t>
    <rPh sb="0" eb="2">
      <t>ショクジ</t>
    </rPh>
    <rPh sb="2" eb="4">
      <t>リョウヨウ</t>
    </rPh>
    <rPh sb="7" eb="9">
      <t>セイカツ</t>
    </rPh>
    <rPh sb="9" eb="11">
      <t>リョウヨウ</t>
    </rPh>
    <phoneticPr fontId="0"/>
  </si>
  <si>
    <t>合計</t>
    <phoneticPr fontId="0"/>
  </si>
  <si>
    <t>訪問看護</t>
    <phoneticPr fontId="0"/>
  </si>
  <si>
    <t>食事療養・生活療養</t>
    <rPh sb="5" eb="7">
      <t>セイカツ</t>
    </rPh>
    <rPh sb="7" eb="9">
      <t>リョウヨウ</t>
    </rPh>
    <phoneticPr fontId="0"/>
  </si>
  <si>
    <t>調剤</t>
    <rPh sb="0" eb="1">
      <t>チョウ</t>
    </rPh>
    <rPh sb="1" eb="2">
      <t>ザイ</t>
    </rPh>
    <phoneticPr fontId="0"/>
  </si>
  <si>
    <t>保 険 給 付 総 計
（Ａ）＋（Ｂ）</t>
    <phoneticPr fontId="0"/>
  </si>
  <si>
    <t>療  養  諸  費  計  (Ａ）
＜療養の給付等＋療養費＞</t>
    <rPh sb="20" eb="22">
      <t>リョウヨウ</t>
    </rPh>
    <rPh sb="23" eb="25">
      <t>キュウフ</t>
    </rPh>
    <rPh sb="25" eb="26">
      <t>トウ</t>
    </rPh>
    <rPh sb="27" eb="30">
      <t>リョウヨウヒ</t>
    </rPh>
    <phoneticPr fontId="0"/>
  </si>
  <si>
    <t>療　　    養 　　   費　　    等</t>
    <phoneticPr fontId="0"/>
  </si>
  <si>
    <t>療　　養　　の　　給　　付　　等</t>
    <rPh sb="0" eb="1">
      <t>リョウ</t>
    </rPh>
    <rPh sb="3" eb="4">
      <t>オサム</t>
    </rPh>
    <rPh sb="9" eb="10">
      <t>キュウ</t>
    </rPh>
    <rPh sb="12" eb="13">
      <t>ヅケ</t>
    </rPh>
    <rPh sb="15" eb="16">
      <t>トウ</t>
    </rPh>
    <phoneticPr fontId="0"/>
  </si>
  <si>
    <t>療 　　養　 　の　　 給　 　付　　 等</t>
    <phoneticPr fontId="0"/>
  </si>
  <si>
    <t>第１６表　保険給付状況(老人保健対象者を除く全被保険者分)－５</t>
    <phoneticPr fontId="0"/>
  </si>
  <si>
    <r>
      <t>第1</t>
    </r>
    <r>
      <rPr>
        <sz val="11"/>
        <rFont val="ＭＳ 明朝"/>
        <family val="1"/>
        <charset val="128"/>
      </rPr>
      <t>5</t>
    </r>
    <r>
      <rPr>
        <sz val="11"/>
        <rFont val="ＭＳ 明朝"/>
        <family val="1"/>
        <charset val="128"/>
      </rPr>
      <t>表　保険給付状況（前期高齢者分　再掲）－８</t>
    </r>
    <rPh sb="0" eb="1">
      <t>ダイ</t>
    </rPh>
    <rPh sb="3" eb="4">
      <t>ヒョウ</t>
    </rPh>
    <rPh sb="5" eb="9">
      <t>ホケンキュウフ</t>
    </rPh>
    <rPh sb="9" eb="11">
      <t>ジョウキョウ</t>
    </rPh>
    <rPh sb="12" eb="14">
      <t>ゼンキ</t>
    </rPh>
    <rPh sb="14" eb="17">
      <t>コウレイシャ</t>
    </rPh>
    <rPh sb="17" eb="18">
      <t>ブン</t>
    </rPh>
    <rPh sb="19" eb="21">
      <t>サイケイ</t>
    </rPh>
    <phoneticPr fontId="0"/>
  </si>
  <si>
    <r>
      <t>第1</t>
    </r>
    <r>
      <rPr>
        <sz val="11"/>
        <rFont val="ＭＳ 明朝"/>
        <family val="1"/>
        <charset val="128"/>
      </rPr>
      <t>5</t>
    </r>
    <r>
      <rPr>
        <sz val="11"/>
        <rFont val="ＭＳ 明朝"/>
        <family val="1"/>
        <charset val="128"/>
      </rPr>
      <t>表　保険給付状況（前期高齢者分　再掲）－７</t>
    </r>
    <rPh sb="0" eb="1">
      <t>ダイ</t>
    </rPh>
    <rPh sb="3" eb="4">
      <t>ヒョウ</t>
    </rPh>
    <rPh sb="5" eb="9">
      <t>ホケンキュウフ</t>
    </rPh>
    <rPh sb="9" eb="11">
      <t>ジョウキョウ</t>
    </rPh>
    <rPh sb="12" eb="14">
      <t>ゼンキ</t>
    </rPh>
    <rPh sb="14" eb="17">
      <t>コウレイシャ</t>
    </rPh>
    <rPh sb="17" eb="18">
      <t>ブン</t>
    </rPh>
    <rPh sb="19" eb="21">
      <t>サイケイ</t>
    </rPh>
    <phoneticPr fontId="0"/>
  </si>
  <si>
    <r>
      <t>第1</t>
    </r>
    <r>
      <rPr>
        <sz val="11"/>
        <rFont val="ＭＳ 明朝"/>
        <family val="1"/>
        <charset val="128"/>
      </rPr>
      <t>5</t>
    </r>
    <r>
      <rPr>
        <sz val="11"/>
        <rFont val="ＭＳ 明朝"/>
        <family val="1"/>
        <charset val="128"/>
      </rPr>
      <t>表　保険給付状況（前期高齢者分　再掲）－６</t>
    </r>
    <rPh sb="0" eb="1">
      <t>ダイ</t>
    </rPh>
    <rPh sb="3" eb="4">
      <t>ヒョウ</t>
    </rPh>
    <rPh sb="5" eb="9">
      <t>ホケンキュウフ</t>
    </rPh>
    <rPh sb="9" eb="11">
      <t>ジョウキョウ</t>
    </rPh>
    <rPh sb="12" eb="14">
      <t>ゼンキ</t>
    </rPh>
    <rPh sb="14" eb="17">
      <t>コウレイシャ</t>
    </rPh>
    <rPh sb="17" eb="18">
      <t>ブン</t>
    </rPh>
    <rPh sb="19" eb="21">
      <t>サイケイ</t>
    </rPh>
    <phoneticPr fontId="0"/>
  </si>
  <si>
    <t>県　        　計</t>
    <phoneticPr fontId="0"/>
  </si>
  <si>
    <t>県　        　計</t>
    <phoneticPr fontId="0"/>
  </si>
  <si>
    <t>組  合  計</t>
    <phoneticPr fontId="0"/>
  </si>
  <si>
    <t>組  合  計</t>
    <phoneticPr fontId="0"/>
  </si>
  <si>
    <t xml:space="preserve"> 食品衛生</t>
    <phoneticPr fontId="0"/>
  </si>
  <si>
    <t xml:space="preserve"> 歯科医師</t>
    <phoneticPr fontId="0"/>
  </si>
  <si>
    <t xml:space="preserve"> 医　師</t>
    <phoneticPr fontId="0"/>
  </si>
  <si>
    <t xml:space="preserve"> 清川村</t>
    <phoneticPr fontId="0"/>
  </si>
  <si>
    <t xml:space="preserve"> 愛川町</t>
    <phoneticPr fontId="0"/>
  </si>
  <si>
    <t xml:space="preserve"> 愛川町</t>
    <phoneticPr fontId="0"/>
  </si>
  <si>
    <t xml:space="preserve"> 湯河原町</t>
    <phoneticPr fontId="0"/>
  </si>
  <si>
    <t xml:space="preserve"> 真鶴町</t>
    <phoneticPr fontId="0"/>
  </si>
  <si>
    <t xml:space="preserve"> 真鶴町</t>
    <phoneticPr fontId="0"/>
  </si>
  <si>
    <t xml:space="preserve"> 箱根町</t>
    <phoneticPr fontId="0"/>
  </si>
  <si>
    <t xml:space="preserve"> 箱根町</t>
    <phoneticPr fontId="0"/>
  </si>
  <si>
    <t xml:space="preserve"> 開成町</t>
    <phoneticPr fontId="0"/>
  </si>
  <si>
    <t xml:space="preserve"> 山北町</t>
    <phoneticPr fontId="0"/>
  </si>
  <si>
    <t xml:space="preserve"> 松田町</t>
    <phoneticPr fontId="0"/>
  </si>
  <si>
    <t xml:space="preserve"> 大井町</t>
    <phoneticPr fontId="0"/>
  </si>
  <si>
    <t xml:space="preserve"> 中井町</t>
    <phoneticPr fontId="0"/>
  </si>
  <si>
    <t xml:space="preserve"> 中井町</t>
    <phoneticPr fontId="0"/>
  </si>
  <si>
    <t xml:space="preserve"> 大磯町</t>
    <phoneticPr fontId="0"/>
  </si>
  <si>
    <t xml:space="preserve"> 綾瀬市</t>
    <phoneticPr fontId="0"/>
  </si>
  <si>
    <t xml:space="preserve"> 綾瀬市</t>
    <phoneticPr fontId="0"/>
  </si>
  <si>
    <t xml:space="preserve"> 寒川町</t>
    <phoneticPr fontId="0"/>
  </si>
  <si>
    <t xml:space="preserve"> 葉山町</t>
    <phoneticPr fontId="0"/>
  </si>
  <si>
    <t xml:space="preserve"> 南足柄市</t>
    <phoneticPr fontId="0"/>
  </si>
  <si>
    <t xml:space="preserve"> 南足柄市</t>
    <phoneticPr fontId="0"/>
  </si>
  <si>
    <t xml:space="preserve"> 座間市</t>
    <phoneticPr fontId="0"/>
  </si>
  <si>
    <t xml:space="preserve"> 海老名市</t>
    <phoneticPr fontId="0"/>
  </si>
  <si>
    <t xml:space="preserve"> 伊勢原市</t>
    <phoneticPr fontId="0"/>
  </si>
  <si>
    <t xml:space="preserve"> 大和市</t>
    <phoneticPr fontId="0"/>
  </si>
  <si>
    <t xml:space="preserve"> 大和市</t>
    <phoneticPr fontId="0"/>
  </si>
  <si>
    <t xml:space="preserve"> 厚木市</t>
    <phoneticPr fontId="0"/>
  </si>
  <si>
    <t xml:space="preserve"> 秦野市</t>
    <phoneticPr fontId="0"/>
  </si>
  <si>
    <t xml:space="preserve"> 三浦市</t>
    <phoneticPr fontId="0"/>
  </si>
  <si>
    <t xml:space="preserve"> 三浦市</t>
    <phoneticPr fontId="0"/>
  </si>
  <si>
    <t xml:space="preserve"> 相模原市</t>
    <phoneticPr fontId="0"/>
  </si>
  <si>
    <t xml:space="preserve"> 逗子市</t>
    <phoneticPr fontId="0"/>
  </si>
  <si>
    <t xml:space="preserve"> 逗子市</t>
    <phoneticPr fontId="0"/>
  </si>
  <si>
    <t xml:space="preserve"> 茅ヶ崎市</t>
    <phoneticPr fontId="0"/>
  </si>
  <si>
    <t xml:space="preserve"> 小田原市</t>
    <phoneticPr fontId="0"/>
  </si>
  <si>
    <t xml:space="preserve"> 小田原市</t>
    <phoneticPr fontId="0"/>
  </si>
  <si>
    <t xml:space="preserve"> 藤沢市</t>
    <phoneticPr fontId="0"/>
  </si>
  <si>
    <t>件  数</t>
    <phoneticPr fontId="0"/>
  </si>
  <si>
    <t>他法負担分</t>
    <phoneticPr fontId="0"/>
  </si>
  <si>
    <t>一部負担金</t>
    <phoneticPr fontId="0"/>
  </si>
  <si>
    <t>小計</t>
    <phoneticPr fontId="0"/>
  </si>
  <si>
    <t>歯科</t>
    <phoneticPr fontId="0"/>
  </si>
  <si>
    <t>入院外</t>
    <phoneticPr fontId="0"/>
  </si>
  <si>
    <t>入院</t>
    <phoneticPr fontId="0"/>
  </si>
  <si>
    <t>高  額  療  養  費  (再掲)</t>
    <phoneticPr fontId="0"/>
  </si>
  <si>
    <t xml:space="preserve">食事療養
生活療養
</t>
    <rPh sb="2" eb="4">
      <t>リョウヨウ</t>
    </rPh>
    <rPh sb="5" eb="7">
      <t>セイカツ</t>
    </rPh>
    <rPh sb="7" eb="9">
      <t>リョウヨウ</t>
    </rPh>
    <phoneticPr fontId="0"/>
  </si>
  <si>
    <t>合計</t>
    <phoneticPr fontId="0"/>
  </si>
  <si>
    <t>訪問看護</t>
    <phoneticPr fontId="0"/>
  </si>
  <si>
    <t>保 険 給 付 総 計
（Ａ）＋（Ｂ）</t>
    <phoneticPr fontId="0"/>
  </si>
  <si>
    <t>療  養  諸  費  費  用  額  負  担  区  分</t>
    <phoneticPr fontId="0"/>
  </si>
  <si>
    <t>療   養   諸   費   計   (Ａ）
＜療養の給付等＋療養費＞</t>
    <rPh sb="25" eb="27">
      <t>リョウヨウ</t>
    </rPh>
    <rPh sb="28" eb="30">
      <t>キュウフ</t>
    </rPh>
    <rPh sb="30" eb="31">
      <t>トウ</t>
    </rPh>
    <rPh sb="32" eb="35">
      <t>リョウヨウヒ</t>
    </rPh>
    <phoneticPr fontId="0"/>
  </si>
  <si>
    <t>療    養    費    等</t>
  </si>
  <si>
    <t>第１６表　保険給付状況(老人保健対象者を除く全被保険者分)－５</t>
    <phoneticPr fontId="0"/>
  </si>
  <si>
    <r>
      <t>第15</t>
    </r>
    <r>
      <rPr>
        <sz val="11"/>
        <rFont val="ＭＳ 明朝"/>
        <family val="1"/>
        <charset val="128"/>
      </rPr>
      <t>表　保険給付状況（未就学児分　再掲）－</t>
    </r>
    <r>
      <rPr>
        <sz val="11"/>
        <rFont val="ＭＳ 明朝"/>
        <family val="1"/>
        <charset val="128"/>
      </rPr>
      <t>11</t>
    </r>
    <rPh sb="0" eb="1">
      <t>ダイ</t>
    </rPh>
    <rPh sb="3" eb="4">
      <t>ヒョウ</t>
    </rPh>
    <rPh sb="5" eb="9">
      <t>ホケンキュウフ</t>
    </rPh>
    <rPh sb="9" eb="11">
      <t>ジョウキョウ</t>
    </rPh>
    <rPh sb="12" eb="16">
      <t>ミシュウガクジ</t>
    </rPh>
    <rPh sb="16" eb="17">
      <t>ブン</t>
    </rPh>
    <rPh sb="18" eb="20">
      <t>サイケイ</t>
    </rPh>
    <phoneticPr fontId="0"/>
  </si>
  <si>
    <r>
      <t>第15</t>
    </r>
    <r>
      <rPr>
        <sz val="11"/>
        <rFont val="ＭＳ 明朝"/>
        <family val="1"/>
        <charset val="128"/>
      </rPr>
      <t>表　保険給付状況（未就学児分　再掲）－</t>
    </r>
    <r>
      <rPr>
        <sz val="11"/>
        <rFont val="ＭＳ 明朝"/>
        <family val="1"/>
        <charset val="128"/>
      </rPr>
      <t>10</t>
    </r>
    <rPh sb="0" eb="1">
      <t>ダイ</t>
    </rPh>
    <rPh sb="3" eb="4">
      <t>ヒョウ</t>
    </rPh>
    <rPh sb="5" eb="9">
      <t>ホケンキュウフ</t>
    </rPh>
    <rPh sb="9" eb="11">
      <t>ジョウキョウ</t>
    </rPh>
    <rPh sb="12" eb="16">
      <t>ミシュウガクジ</t>
    </rPh>
    <rPh sb="16" eb="17">
      <t>ブン</t>
    </rPh>
    <rPh sb="18" eb="20">
      <t>サイケイ</t>
    </rPh>
    <phoneticPr fontId="0"/>
  </si>
  <si>
    <r>
      <t>第1</t>
    </r>
    <r>
      <rPr>
        <sz val="11"/>
        <rFont val="ＭＳ 明朝"/>
        <family val="1"/>
        <charset val="128"/>
      </rPr>
      <t>5</t>
    </r>
    <r>
      <rPr>
        <sz val="11"/>
        <rFont val="ＭＳ 明朝"/>
        <family val="1"/>
        <charset val="128"/>
      </rPr>
      <t>表　保険給付状況（未就学児分 　再掲）－９</t>
    </r>
    <rPh sb="0" eb="1">
      <t>ダイ</t>
    </rPh>
    <rPh sb="3" eb="4">
      <t>ヒョウ</t>
    </rPh>
    <rPh sb="5" eb="9">
      <t>ホケンキュウフ</t>
    </rPh>
    <rPh sb="9" eb="11">
      <t>ジョウキョウ</t>
    </rPh>
    <rPh sb="12" eb="16">
      <t>ミシュウガクジ</t>
    </rPh>
    <rPh sb="16" eb="17">
      <t>ブン</t>
    </rPh>
    <rPh sb="19" eb="21">
      <t>サイケイ</t>
    </rPh>
    <phoneticPr fontId="0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76" formatCode="#,##0.000;\-#,##0.000"/>
    <numFmt numFmtId="177" formatCode="0.000"/>
    <numFmt numFmtId="178" formatCode="#,##0_ ;[Red]\-#,##0\ "/>
  </numFmts>
  <fonts count="21" x14ac:knownFonts="1">
    <font>
      <sz val="11"/>
      <name val="ＭＳ 明朝"/>
      <family val="1"/>
      <charset val="128"/>
    </font>
    <font>
      <sz val="14"/>
      <name val="Terminal"/>
      <family val="3"/>
      <charset val="255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8"/>
      <name val="ＭＳ Ｐゴシック"/>
      <family val="3"/>
      <charset val="128"/>
    </font>
    <font>
      <sz val="9"/>
      <name val="ＭＳ Ｐゴシック"/>
      <family val="3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Terminal"/>
      <charset val="128"/>
    </font>
    <font>
      <sz val="6"/>
      <name val="ＭＳ 明朝"/>
      <family val="1"/>
      <charset val="128"/>
    </font>
    <font>
      <sz val="9"/>
      <color rgb="FFFF0000"/>
      <name val="ＭＳ Ｐゴシック"/>
      <family val="3"/>
      <charset val="128"/>
    </font>
    <font>
      <u/>
      <sz val="9"/>
      <name val="ＭＳ Ｐゴシック"/>
      <family val="3"/>
      <charset val="128"/>
    </font>
    <font>
      <sz val="9"/>
      <name val="ＭＳ ゴシック"/>
      <family val="3"/>
      <charset val="128"/>
    </font>
    <font>
      <sz val="8.5"/>
      <name val="ＭＳ Ｐゴシック"/>
      <family val="3"/>
      <charset val="128"/>
    </font>
    <font>
      <sz val="10"/>
      <name val="ＭＳ ゴシック"/>
      <family val="3"/>
      <charset val="128"/>
    </font>
    <font>
      <sz val="10"/>
      <color indexed="8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8"/>
      <color indexed="12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26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double">
        <color indexed="64"/>
      </bottom>
      <diagonal/>
    </border>
    <border>
      <left/>
      <right/>
      <top style="medium">
        <color indexed="64"/>
      </top>
      <bottom style="double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hair">
        <color indexed="64"/>
      </bottom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 style="hair">
        <color indexed="64"/>
      </right>
      <top/>
      <bottom style="double">
        <color indexed="64"/>
      </bottom>
      <diagonal/>
    </border>
    <border>
      <left style="thin">
        <color indexed="64"/>
      </left>
      <right style="hair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double">
        <color indexed="64"/>
      </bottom>
      <diagonal/>
    </border>
    <border>
      <left/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8"/>
      </bottom>
      <diagonal/>
    </border>
    <border>
      <left/>
      <right/>
      <top style="medium">
        <color indexed="64"/>
      </top>
      <bottom style="thin">
        <color indexed="8"/>
      </bottom>
      <diagonal/>
    </border>
    <border>
      <left/>
      <right style="medium">
        <color indexed="64"/>
      </right>
      <top style="medium">
        <color indexed="64"/>
      </top>
      <bottom style="thin">
        <color indexed="8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/>
      <right/>
      <top style="thin">
        <color indexed="8"/>
      </top>
      <bottom style="thin">
        <color indexed="8"/>
      </bottom>
      <diagonal/>
    </border>
    <border>
      <left/>
      <right style="thin">
        <color indexed="64"/>
      </right>
      <top style="thin">
        <color indexed="8"/>
      </top>
      <bottom style="thin">
        <color indexed="8"/>
      </bottom>
      <diagonal/>
    </border>
    <border>
      <left/>
      <right style="medium">
        <color indexed="64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/>
      <top style="thin">
        <color indexed="8"/>
      </top>
      <bottom style="thin">
        <color indexed="64"/>
      </bottom>
      <diagonal/>
    </border>
    <border>
      <left/>
      <right/>
      <top style="thin">
        <color indexed="8"/>
      </top>
      <bottom style="thin">
        <color indexed="64"/>
      </bottom>
      <diagonal/>
    </border>
    <border>
      <left/>
      <right style="thin">
        <color indexed="64"/>
      </right>
      <top style="thin">
        <color indexed="8"/>
      </top>
      <bottom style="thin">
        <color indexed="64"/>
      </bottom>
      <diagonal/>
    </border>
    <border>
      <left style="thin">
        <color indexed="64"/>
      </left>
      <right/>
      <top style="thin">
        <color indexed="8"/>
      </top>
      <bottom/>
      <diagonal/>
    </border>
    <border>
      <left/>
      <right/>
      <top style="thin">
        <color indexed="8"/>
      </top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/>
      <diagonal/>
    </border>
    <border>
      <left/>
      <right style="medium">
        <color indexed="64"/>
      </right>
      <top style="thin">
        <color indexed="8"/>
      </top>
      <bottom/>
      <diagonal/>
    </border>
    <border>
      <left style="thin">
        <color indexed="64"/>
      </left>
      <right style="thin">
        <color indexed="8"/>
      </right>
      <top style="thin">
        <color indexed="64"/>
      </top>
      <bottom/>
      <diagonal/>
    </border>
    <border>
      <left/>
      <right/>
      <top/>
      <bottom style="thin">
        <color indexed="8"/>
      </bottom>
      <diagonal/>
    </border>
    <border>
      <left style="thin">
        <color indexed="64"/>
      </left>
      <right/>
      <top/>
      <bottom style="thin">
        <color indexed="8"/>
      </bottom>
      <diagonal/>
    </border>
    <border>
      <left/>
      <right style="medium">
        <color indexed="64"/>
      </right>
      <top/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/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 style="thin">
        <color indexed="64"/>
      </left>
      <right style="thin">
        <color indexed="8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8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medium">
        <color indexed="64"/>
      </left>
      <right/>
      <top/>
      <bottom style="thin">
        <color indexed="8"/>
      </bottom>
      <diagonal/>
    </border>
    <border>
      <left style="medium">
        <color indexed="64"/>
      </left>
      <right/>
      <top/>
      <bottom style="double">
        <color indexed="8"/>
      </bottom>
      <diagonal/>
    </border>
    <border>
      <left/>
      <right/>
      <top/>
      <bottom style="double">
        <color indexed="8"/>
      </bottom>
      <diagonal/>
    </border>
    <border>
      <left style="thin">
        <color indexed="8"/>
      </left>
      <right style="thin">
        <color indexed="8"/>
      </right>
      <top/>
      <bottom style="double">
        <color indexed="8"/>
      </bottom>
      <diagonal/>
    </border>
    <border>
      <left style="thin">
        <color indexed="8"/>
      </left>
      <right/>
      <top/>
      <bottom style="double">
        <color indexed="8"/>
      </bottom>
      <diagonal/>
    </border>
    <border>
      <left style="thin">
        <color indexed="8"/>
      </left>
      <right style="thin">
        <color indexed="64"/>
      </right>
      <top/>
      <bottom style="double">
        <color indexed="8"/>
      </bottom>
      <diagonal/>
    </border>
    <border>
      <left style="thin">
        <color indexed="64"/>
      </left>
      <right style="thin">
        <color indexed="8"/>
      </right>
      <top/>
      <bottom style="double">
        <color indexed="8"/>
      </bottom>
      <diagonal/>
    </border>
    <border>
      <left style="thin">
        <color indexed="8"/>
      </left>
      <right style="medium">
        <color indexed="64"/>
      </right>
      <top/>
      <bottom style="double">
        <color indexed="8"/>
      </bottom>
      <diagonal/>
    </border>
    <border>
      <left style="thin">
        <color indexed="64"/>
      </left>
      <right style="thin">
        <color indexed="8"/>
      </right>
      <top style="thin">
        <color indexed="64"/>
      </top>
      <bottom style="double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64"/>
      </top>
      <bottom style="double">
        <color indexed="64"/>
      </bottom>
      <diagonal/>
    </border>
    <border>
      <left style="thin">
        <color indexed="8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double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double">
        <color indexed="8"/>
      </bottom>
      <diagonal/>
    </border>
    <border>
      <left style="thin">
        <color indexed="8"/>
      </left>
      <right/>
      <top style="thin">
        <color indexed="8"/>
      </top>
      <bottom style="double">
        <color indexed="8"/>
      </bottom>
      <diagonal/>
    </border>
    <border>
      <left style="thin">
        <color indexed="64"/>
      </left>
      <right/>
      <top/>
      <bottom style="double">
        <color indexed="8"/>
      </bottom>
      <diagonal/>
    </border>
    <border>
      <left style="thin">
        <color indexed="8"/>
      </left>
      <right style="thin">
        <color indexed="64"/>
      </right>
      <top style="thin">
        <color indexed="8"/>
      </top>
      <bottom style="double">
        <color indexed="8"/>
      </bottom>
      <diagonal/>
    </border>
    <border>
      <left/>
      <right style="thin">
        <color indexed="8"/>
      </right>
      <top/>
      <bottom style="double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8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8"/>
      </bottom>
      <diagonal/>
    </border>
    <border>
      <left style="thin">
        <color indexed="8"/>
      </left>
      <right style="medium">
        <color indexed="64"/>
      </right>
      <top style="thin">
        <color indexed="8"/>
      </top>
      <bottom style="double">
        <color indexed="8"/>
      </bottom>
      <diagonal/>
    </border>
    <border>
      <left style="thin">
        <color indexed="64"/>
      </left>
      <right style="thin">
        <color indexed="8"/>
      </right>
      <top style="double">
        <color indexed="8"/>
      </top>
      <bottom style="thin">
        <color indexed="64"/>
      </bottom>
      <diagonal/>
    </border>
    <border>
      <left style="thin">
        <color indexed="8"/>
      </left>
      <right style="thin">
        <color indexed="64"/>
      </right>
      <top/>
      <bottom style="thin">
        <color indexed="8"/>
      </bottom>
      <diagonal/>
    </border>
    <border>
      <left style="thin">
        <color indexed="8"/>
      </left>
      <right style="medium">
        <color indexed="64"/>
      </right>
      <top style="double">
        <color indexed="8"/>
      </top>
      <bottom style="thin">
        <color indexed="8"/>
      </bottom>
      <diagonal/>
    </border>
    <border>
      <left style="thin">
        <color indexed="8"/>
      </left>
      <right style="medium">
        <color indexed="64"/>
      </right>
      <top/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double">
        <color indexed="8"/>
      </top>
      <bottom style="thin">
        <color indexed="64"/>
      </bottom>
      <diagonal/>
    </border>
    <border>
      <left style="thin">
        <color indexed="8"/>
      </left>
      <right style="medium">
        <color indexed="64"/>
      </right>
      <top style="double">
        <color indexed="64"/>
      </top>
      <bottom style="thin">
        <color indexed="8"/>
      </bottom>
      <diagonal/>
    </border>
    <border>
      <left style="thin">
        <color indexed="64"/>
      </left>
      <right/>
      <top style="double">
        <color indexed="8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 style="double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 style="medium">
        <color indexed="64"/>
      </right>
      <top style="thin">
        <color indexed="8"/>
      </top>
      <bottom style="thin">
        <color indexed="8"/>
      </bottom>
      <diagonal/>
    </border>
    <border>
      <left style="medium">
        <color indexed="64"/>
      </left>
      <right/>
      <top style="thin">
        <color indexed="8"/>
      </top>
      <bottom style="thin">
        <color indexed="8"/>
      </bottom>
      <diagonal/>
    </border>
    <border>
      <left style="thin">
        <color indexed="64"/>
      </left>
      <right style="thin">
        <color indexed="8"/>
      </right>
      <top/>
      <bottom/>
      <diagonal/>
    </border>
    <border>
      <left style="thin">
        <color indexed="8"/>
      </left>
      <right/>
      <top/>
      <bottom/>
      <diagonal/>
    </border>
    <border>
      <left style="thin">
        <color indexed="8"/>
      </left>
      <right style="thin">
        <color indexed="64"/>
      </right>
      <top/>
      <bottom/>
      <diagonal/>
    </border>
    <border>
      <left style="thin">
        <color indexed="8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8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/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8"/>
      </right>
      <top/>
      <bottom style="double">
        <color indexed="64"/>
      </bottom>
      <diagonal/>
    </border>
    <border>
      <left style="thin">
        <color indexed="8"/>
      </left>
      <right/>
      <top/>
      <bottom style="double">
        <color indexed="64"/>
      </bottom>
      <diagonal/>
    </border>
    <border>
      <left style="thin">
        <color indexed="8"/>
      </left>
      <right style="thin">
        <color indexed="64"/>
      </right>
      <top/>
      <bottom style="double">
        <color indexed="64"/>
      </bottom>
      <diagonal/>
    </border>
    <border>
      <left style="thin">
        <color indexed="8"/>
      </left>
      <right style="medium">
        <color indexed="64"/>
      </right>
      <top/>
      <bottom style="double">
        <color indexed="64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double">
        <color indexed="64"/>
      </bottom>
      <diagonal/>
    </border>
    <border>
      <left style="thin">
        <color indexed="8"/>
      </left>
      <right style="thin">
        <color indexed="64"/>
      </right>
      <top style="thin">
        <color indexed="8"/>
      </top>
      <bottom style="double">
        <color indexed="64"/>
      </bottom>
      <diagonal/>
    </border>
    <border>
      <left style="thin">
        <color indexed="8"/>
      </left>
      <right style="medium">
        <color indexed="64"/>
      </right>
      <top style="thin">
        <color indexed="8"/>
      </top>
      <bottom style="double">
        <color indexed="64"/>
      </bottom>
      <diagonal/>
    </border>
    <border>
      <left/>
      <right style="thin">
        <color indexed="8"/>
      </right>
      <top style="double">
        <color indexed="64"/>
      </top>
      <bottom style="double">
        <color indexed="64"/>
      </bottom>
      <diagonal/>
    </border>
    <border>
      <left style="thin">
        <color indexed="8"/>
      </left>
      <right/>
      <top style="double">
        <color indexed="64"/>
      </top>
      <bottom style="double">
        <color indexed="64"/>
      </bottom>
      <diagonal/>
    </border>
    <border>
      <left style="thin">
        <color indexed="8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/>
      <right style="thin">
        <color indexed="8"/>
      </right>
      <top style="double">
        <color indexed="64"/>
      </top>
      <bottom style="medium">
        <color indexed="64"/>
      </bottom>
      <diagonal/>
    </border>
    <border>
      <left style="thin">
        <color indexed="8"/>
      </left>
      <right/>
      <top style="double">
        <color indexed="64"/>
      </top>
      <bottom style="medium">
        <color indexed="64"/>
      </bottom>
      <diagonal/>
    </border>
    <border>
      <left style="thin">
        <color indexed="8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8"/>
      </bottom>
      <diagonal/>
    </border>
    <border>
      <left style="thin">
        <color indexed="64"/>
      </left>
      <right style="medium">
        <color indexed="64"/>
      </right>
      <top/>
      <bottom style="thin">
        <color indexed="8"/>
      </bottom>
      <diagonal/>
    </border>
    <border>
      <left style="thin">
        <color indexed="64"/>
      </left>
      <right/>
      <top style="thin">
        <color indexed="64"/>
      </top>
      <bottom style="thin">
        <color indexed="8"/>
      </bottom>
      <diagonal/>
    </border>
    <border>
      <left/>
      <right style="thin">
        <color indexed="64"/>
      </right>
      <top style="thin">
        <color indexed="64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8"/>
      </top>
      <bottom/>
      <diagonal/>
    </border>
    <border>
      <left style="thin">
        <color indexed="64"/>
      </left>
      <right style="medium">
        <color indexed="64"/>
      </right>
      <top style="thin">
        <color indexed="8"/>
      </top>
      <bottom/>
      <diagonal/>
    </border>
    <border>
      <left style="thin">
        <color indexed="64"/>
      </left>
      <right style="thin">
        <color indexed="64"/>
      </right>
      <top/>
      <bottom style="double">
        <color indexed="8"/>
      </bottom>
      <diagonal/>
    </border>
    <border>
      <left style="thin">
        <color indexed="64"/>
      </left>
      <right style="medium">
        <color indexed="64"/>
      </right>
      <top/>
      <bottom style="double">
        <color indexed="8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8"/>
      </left>
      <right style="thin">
        <color indexed="64"/>
      </right>
      <top style="double">
        <color indexed="8"/>
      </top>
      <bottom style="double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8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64"/>
      </right>
      <top/>
      <bottom style="thin">
        <color indexed="64"/>
      </bottom>
      <diagonal/>
    </border>
    <border>
      <left style="double">
        <color indexed="8"/>
      </left>
      <right/>
      <top/>
      <bottom style="thin">
        <color indexed="64"/>
      </bottom>
      <diagonal/>
    </border>
    <border>
      <left style="thin">
        <color indexed="8"/>
      </left>
      <right/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/>
      <bottom style="thin">
        <color indexed="64"/>
      </bottom>
      <diagonal/>
    </border>
    <border>
      <left style="thin">
        <color indexed="8"/>
      </left>
      <right style="medium">
        <color indexed="64"/>
      </right>
      <top/>
      <bottom style="medium">
        <color indexed="64"/>
      </bottom>
      <diagonal/>
    </border>
    <border>
      <left style="thin">
        <color indexed="8"/>
      </left>
      <right/>
      <top/>
      <bottom style="medium">
        <color indexed="64"/>
      </bottom>
      <diagonal/>
    </border>
    <border>
      <left style="thin">
        <color indexed="8"/>
      </left>
      <right style="thin">
        <color indexed="64"/>
      </right>
      <top/>
      <bottom style="medium">
        <color indexed="64"/>
      </bottom>
      <diagonal/>
    </border>
    <border>
      <left style="thin">
        <color indexed="8"/>
      </left>
      <right style="thin">
        <color indexed="64"/>
      </right>
      <top style="double">
        <color indexed="8"/>
      </top>
      <bottom style="double">
        <color indexed="8"/>
      </bottom>
      <diagonal/>
    </border>
    <border>
      <left style="double">
        <color indexed="8"/>
      </left>
      <right/>
      <top style="double">
        <color indexed="8"/>
      </top>
      <bottom style="double">
        <color indexed="8"/>
      </bottom>
      <diagonal/>
    </border>
    <border>
      <left style="thin">
        <color indexed="8"/>
      </left>
      <right/>
      <top style="double">
        <color indexed="8"/>
      </top>
      <bottom style="double">
        <color indexed="8"/>
      </bottom>
      <diagonal/>
    </border>
    <border>
      <left style="thin">
        <color indexed="8"/>
      </left>
      <right style="thin">
        <color indexed="8"/>
      </right>
      <top style="double">
        <color indexed="8"/>
      </top>
      <bottom style="double">
        <color indexed="8"/>
      </bottom>
      <diagonal/>
    </border>
    <border>
      <left style="thin">
        <color indexed="64"/>
      </left>
      <right/>
      <top style="double">
        <color indexed="8"/>
      </top>
      <bottom style="double">
        <color indexed="8"/>
      </bottom>
      <diagonal/>
    </border>
    <border>
      <left style="thin">
        <color indexed="8"/>
      </left>
      <right style="medium">
        <color indexed="64"/>
      </right>
      <top style="double">
        <color indexed="8"/>
      </top>
      <bottom style="double">
        <color indexed="8"/>
      </bottom>
      <diagonal/>
    </border>
    <border>
      <left/>
      <right/>
      <top style="double">
        <color indexed="8"/>
      </top>
      <bottom style="double">
        <color indexed="8"/>
      </bottom>
      <diagonal/>
    </border>
    <border>
      <left style="double">
        <color indexed="8"/>
      </left>
      <right/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medium">
        <color indexed="64"/>
      </right>
      <top style="thin">
        <color indexed="64"/>
      </top>
      <bottom style="thin">
        <color indexed="8"/>
      </bottom>
      <diagonal/>
    </border>
    <border>
      <left style="thin">
        <color indexed="8"/>
      </left>
      <right/>
      <top style="thin">
        <color indexed="64"/>
      </top>
      <bottom style="thin">
        <color indexed="8"/>
      </bottom>
      <diagonal/>
    </border>
    <border>
      <left/>
      <right/>
      <top style="thin">
        <color indexed="64"/>
      </top>
      <bottom style="thin">
        <color indexed="8"/>
      </bottom>
      <diagonal/>
    </border>
    <border>
      <left style="thin">
        <color indexed="8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8"/>
      </top>
      <bottom style="thin">
        <color indexed="64"/>
      </bottom>
      <diagonal/>
    </border>
    <border>
      <left style="thin">
        <color indexed="8"/>
      </left>
      <right/>
      <top style="double">
        <color indexed="8"/>
      </top>
      <bottom style="thin">
        <color indexed="64"/>
      </bottom>
      <diagonal/>
    </border>
    <border>
      <left style="double">
        <color indexed="8"/>
      </left>
      <right/>
      <top/>
      <bottom style="double">
        <color indexed="8"/>
      </bottom>
      <diagonal/>
    </border>
    <border>
      <left style="thin">
        <color indexed="64"/>
      </left>
      <right style="thin">
        <color indexed="8"/>
      </right>
      <top style="thin">
        <color indexed="64"/>
      </top>
      <bottom style="double">
        <color indexed="8"/>
      </bottom>
      <diagonal/>
    </border>
    <border>
      <left style="thin">
        <color indexed="8"/>
      </left>
      <right style="thin">
        <color indexed="64"/>
      </right>
      <top style="thin">
        <color indexed="8"/>
      </top>
      <bottom/>
      <diagonal/>
    </border>
    <border>
      <left/>
      <right style="thin">
        <color indexed="8"/>
      </right>
      <top/>
      <bottom/>
      <diagonal/>
    </border>
    <border>
      <left style="double">
        <color indexed="8"/>
      </left>
      <right/>
      <top/>
      <bottom/>
      <diagonal/>
    </border>
    <border>
      <left/>
      <right style="double">
        <color indexed="8"/>
      </right>
      <top/>
      <bottom style="thin">
        <color indexed="8"/>
      </bottom>
      <diagonal/>
    </border>
    <border>
      <left/>
      <right style="thin">
        <color indexed="64"/>
      </right>
      <top style="thin">
        <color indexed="8"/>
      </top>
      <bottom/>
      <diagonal/>
    </border>
    <border>
      <left style="double">
        <color indexed="8"/>
      </left>
      <right/>
      <top style="thin">
        <color indexed="64"/>
      </top>
      <bottom/>
      <diagonal/>
    </border>
    <border>
      <left/>
      <right style="double">
        <color indexed="8"/>
      </right>
      <top style="thin">
        <color indexed="64"/>
      </top>
      <bottom/>
      <diagonal/>
    </border>
    <border>
      <left style="thin">
        <color indexed="8"/>
      </left>
      <right/>
      <top style="medium">
        <color indexed="64"/>
      </top>
      <bottom/>
      <diagonal/>
    </border>
    <border>
      <left/>
      <right style="thin">
        <color indexed="8"/>
      </right>
      <top style="medium">
        <color indexed="64"/>
      </top>
      <bottom/>
      <diagonal/>
    </border>
    <border>
      <left style="thin">
        <color indexed="64"/>
      </left>
      <right style="thin">
        <color indexed="8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8"/>
      </right>
      <top/>
      <bottom style="medium">
        <color indexed="64"/>
      </bottom>
      <diagonal/>
    </border>
    <border>
      <left style="thin">
        <color indexed="8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8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/>
      <top style="thin">
        <color indexed="64"/>
      </top>
      <bottom/>
      <diagonal/>
    </border>
  </borders>
  <cellStyleXfs count="9">
    <xf numFmtId="0" fontId="0" fillId="0" borderId="0"/>
    <xf numFmtId="37" fontId="1" fillId="0" borderId="0"/>
    <xf numFmtId="37" fontId="11" fillId="0" borderId="0"/>
    <xf numFmtId="37" fontId="11" fillId="0" borderId="0"/>
    <xf numFmtId="38" fontId="7" fillId="0" borderId="0" applyFont="0" applyFill="0" applyBorder="0" applyAlignment="0" applyProtection="0"/>
    <xf numFmtId="0" fontId="2" fillId="0" borderId="0"/>
    <xf numFmtId="38" fontId="2" fillId="0" borderId="0" applyFont="0" applyFill="0" applyBorder="0" applyAlignment="0" applyProtection="0"/>
    <xf numFmtId="37" fontId="1" fillId="0" borderId="0"/>
    <xf numFmtId="0" fontId="2" fillId="0" borderId="0"/>
  </cellStyleXfs>
  <cellXfs count="1354">
    <xf numFmtId="0" fontId="0" fillId="0" borderId="0" xfId="0"/>
    <xf numFmtId="37" fontId="2" fillId="0" borderId="0" xfId="1" quotePrefix="1" applyFont="1" applyFill="1" applyAlignment="1"/>
    <xf numFmtId="37" fontId="5" fillId="0" borderId="0" xfId="1" applyFont="1" applyFill="1" applyAlignment="1"/>
    <xf numFmtId="37" fontId="2" fillId="0" borderId="0" xfId="1" applyFont="1" applyFill="1" applyAlignment="1"/>
    <xf numFmtId="37" fontId="5" fillId="0" borderId="0" xfId="1" quotePrefix="1" applyFont="1" applyFill="1" applyBorder="1" applyAlignment="1">
      <alignment horizontal="right"/>
    </xf>
    <xf numFmtId="37" fontId="6" fillId="0" borderId="1" xfId="1" applyFont="1" applyFill="1" applyBorder="1" applyAlignment="1"/>
    <xf numFmtId="0" fontId="8" fillId="0" borderId="3" xfId="0" applyFont="1" applyFill="1" applyBorder="1" applyAlignment="1"/>
    <xf numFmtId="0" fontId="8" fillId="0" borderId="4" xfId="0" applyFont="1" applyFill="1" applyBorder="1" applyAlignment="1"/>
    <xf numFmtId="37" fontId="6" fillId="0" borderId="3" xfId="1" applyFont="1" applyFill="1" applyBorder="1" applyAlignment="1">
      <alignment horizontal="centerContinuous"/>
    </xf>
    <xf numFmtId="37" fontId="6" fillId="0" borderId="3" xfId="1" applyFont="1" applyFill="1" applyBorder="1" applyAlignment="1" applyProtection="1">
      <alignment horizontal="centerContinuous"/>
    </xf>
    <xf numFmtId="37" fontId="6" fillId="0" borderId="4" xfId="1" applyFont="1" applyFill="1" applyBorder="1" applyAlignment="1">
      <alignment horizontal="centerContinuous"/>
    </xf>
    <xf numFmtId="37" fontId="6" fillId="0" borderId="0" xfId="1" applyFont="1" applyFill="1" applyAlignment="1"/>
    <xf numFmtId="37" fontId="6" fillId="0" borderId="9" xfId="1" applyFont="1" applyFill="1" applyBorder="1" applyAlignment="1" applyProtection="1">
      <alignment horizontal="center"/>
    </xf>
    <xf numFmtId="37" fontId="6" fillId="0" borderId="10" xfId="1" applyFont="1" applyFill="1" applyBorder="1" applyAlignment="1">
      <alignment horizontal="centerContinuous"/>
    </xf>
    <xf numFmtId="37" fontId="6" fillId="0" borderId="11" xfId="1" applyFont="1" applyFill="1" applyBorder="1" applyAlignment="1">
      <alignment horizontal="centerContinuous"/>
    </xf>
    <xf numFmtId="37" fontId="6" fillId="0" borderId="11" xfId="1" applyFont="1" applyFill="1" applyBorder="1" applyAlignment="1" applyProtection="1">
      <alignment horizontal="centerContinuous"/>
    </xf>
    <xf numFmtId="37" fontId="6" fillId="0" borderId="26" xfId="1" applyFont="1" applyFill="1" applyBorder="1" applyAlignment="1" applyProtection="1">
      <alignment horizontal="center"/>
    </xf>
    <xf numFmtId="37" fontId="6" fillId="0" borderId="10" xfId="1" applyFont="1" applyFill="1" applyBorder="1" applyAlignment="1" applyProtection="1">
      <alignment horizontal="centerContinuous"/>
    </xf>
    <xf numFmtId="37" fontId="6" fillId="0" borderId="32" xfId="1" applyFont="1" applyFill="1" applyBorder="1" applyAlignment="1" applyProtection="1">
      <alignment horizontal="left"/>
    </xf>
    <xf numFmtId="37" fontId="6" fillId="0" borderId="33" xfId="1" applyFont="1" applyFill="1" applyBorder="1" applyAlignment="1" applyProtection="1">
      <alignment horizontal="center"/>
    </xf>
    <xf numFmtId="37" fontId="6" fillId="0" borderId="34" xfId="1" applyFont="1" applyFill="1" applyBorder="1" applyAlignment="1" applyProtection="1">
      <alignment horizontal="center"/>
    </xf>
    <xf numFmtId="37" fontId="6" fillId="0" borderId="35" xfId="1" applyFont="1" applyFill="1" applyBorder="1" applyAlignment="1" applyProtection="1">
      <alignment horizontal="center"/>
    </xf>
    <xf numFmtId="37" fontId="6" fillId="0" borderId="36" xfId="1" applyFont="1" applyFill="1" applyBorder="1" applyAlignment="1" applyProtection="1">
      <alignment horizontal="center" shrinkToFit="1"/>
    </xf>
    <xf numFmtId="37" fontId="6" fillId="0" borderId="33" xfId="1" applyFont="1" applyFill="1" applyBorder="1" applyAlignment="1" applyProtection="1">
      <alignment horizontal="center" shrinkToFit="1"/>
    </xf>
    <xf numFmtId="37" fontId="6" fillId="0" borderId="35" xfId="1" applyFont="1" applyFill="1" applyBorder="1" applyAlignment="1" applyProtection="1">
      <alignment horizontal="center" shrinkToFit="1"/>
    </xf>
    <xf numFmtId="37" fontId="6" fillId="0" borderId="36" xfId="1" applyFont="1" applyFill="1" applyBorder="1" applyAlignment="1" applyProtection="1">
      <alignment horizontal="center"/>
    </xf>
    <xf numFmtId="37" fontId="6" fillId="0" borderId="37" xfId="1" applyFont="1" applyFill="1" applyBorder="1" applyAlignment="1" applyProtection="1">
      <alignment horizontal="center"/>
    </xf>
    <xf numFmtId="37" fontId="6" fillId="0" borderId="38" xfId="1" applyFont="1" applyFill="1" applyBorder="1" applyAlignment="1" applyProtection="1">
      <alignment horizontal="center"/>
    </xf>
    <xf numFmtId="37" fontId="6" fillId="0" borderId="39" xfId="1" applyFont="1" applyFill="1" applyBorder="1" applyAlignment="1" applyProtection="1">
      <alignment horizontal="center" shrinkToFit="1"/>
    </xf>
    <xf numFmtId="37" fontId="6" fillId="0" borderId="41" xfId="1" applyFont="1" applyFill="1" applyBorder="1" applyAlignment="1" applyProtection="1">
      <alignment horizontal="center"/>
    </xf>
    <xf numFmtId="37" fontId="6" fillId="0" borderId="34" xfId="1" applyFont="1" applyFill="1" applyBorder="1" applyAlignment="1" applyProtection="1">
      <alignment horizontal="center" shrinkToFit="1"/>
    </xf>
    <xf numFmtId="37" fontId="6" fillId="0" borderId="42" xfId="1" applyFont="1" applyFill="1" applyBorder="1" applyAlignment="1" applyProtection="1">
      <alignment horizontal="center"/>
    </xf>
    <xf numFmtId="37" fontId="6" fillId="0" borderId="38" xfId="1" applyFont="1" applyFill="1" applyBorder="1" applyAlignment="1" applyProtection="1">
      <alignment horizontal="distributed" justifyLastLine="1"/>
    </xf>
    <xf numFmtId="37" fontId="6" fillId="0" borderId="33" xfId="1" applyFont="1" applyFill="1" applyBorder="1" applyAlignment="1" applyProtection="1">
      <alignment horizontal="distributed" justifyLastLine="1"/>
    </xf>
    <xf numFmtId="37" fontId="6" fillId="0" borderId="37" xfId="1" applyFont="1" applyFill="1" applyBorder="1" applyAlignment="1" applyProtection="1">
      <alignment horizontal="distributed" justifyLastLine="1"/>
    </xf>
    <xf numFmtId="37" fontId="6" fillId="0" borderId="39" xfId="1" applyFont="1" applyFill="1" applyBorder="1" applyAlignment="1" applyProtection="1">
      <alignment horizontal="center"/>
    </xf>
    <xf numFmtId="37" fontId="6" fillId="0" borderId="43" xfId="1" applyFont="1" applyFill="1" applyBorder="1" applyAlignment="1">
      <alignment horizontal="distributed"/>
    </xf>
    <xf numFmtId="37" fontId="6" fillId="0" borderId="44" xfId="1" applyFont="1" applyFill="1" applyBorder="1" applyAlignment="1"/>
    <xf numFmtId="37" fontId="6" fillId="0" borderId="45" xfId="1" applyFont="1" applyFill="1" applyBorder="1" applyAlignment="1"/>
    <xf numFmtId="37" fontId="6" fillId="0" borderId="46" xfId="1" applyFont="1" applyFill="1" applyBorder="1" applyAlignment="1"/>
    <xf numFmtId="37" fontId="6" fillId="0" borderId="44" xfId="1" quotePrefix="1" applyFont="1" applyFill="1" applyBorder="1" applyAlignment="1">
      <alignment horizontal="right"/>
    </xf>
    <xf numFmtId="37" fontId="6" fillId="0" borderId="44" xfId="1" quotePrefix="1" applyFont="1" applyFill="1" applyBorder="1" applyAlignment="1">
      <alignment horizontal="center"/>
    </xf>
    <xf numFmtId="37" fontId="6" fillId="0" borderId="46" xfId="1" quotePrefix="1" applyFont="1" applyFill="1" applyBorder="1" applyAlignment="1">
      <alignment horizontal="right"/>
    </xf>
    <xf numFmtId="37" fontId="6" fillId="0" borderId="0" xfId="1" applyFont="1" applyFill="1" applyBorder="1" applyAlignment="1"/>
    <xf numFmtId="37" fontId="6" fillId="0" borderId="47" xfId="1" applyFont="1" applyFill="1" applyBorder="1" applyAlignment="1" applyProtection="1">
      <alignment horizontal="distributed" justifyLastLine="1"/>
      <protection locked="0"/>
    </xf>
    <xf numFmtId="37" fontId="6" fillId="0" borderId="48" xfId="1" applyFont="1" applyFill="1" applyBorder="1" applyAlignment="1"/>
    <xf numFmtId="37" fontId="6" fillId="0" borderId="18" xfId="1" applyFont="1" applyFill="1" applyBorder="1" applyAlignment="1"/>
    <xf numFmtId="37" fontId="6" fillId="0" borderId="10" xfId="1" applyFont="1" applyFill="1" applyBorder="1" applyAlignment="1" applyProtection="1">
      <protection locked="0"/>
    </xf>
    <xf numFmtId="37" fontId="6" fillId="0" borderId="49" xfId="1" applyFont="1" applyFill="1" applyBorder="1" applyAlignment="1" applyProtection="1">
      <protection locked="0"/>
    </xf>
    <xf numFmtId="37" fontId="6" fillId="0" borderId="50" xfId="1" applyFont="1" applyFill="1" applyBorder="1" applyAlignment="1"/>
    <xf numFmtId="37" fontId="6" fillId="0" borderId="51" xfId="1" applyFont="1" applyFill="1" applyBorder="1" applyAlignment="1"/>
    <xf numFmtId="37" fontId="6" fillId="0" borderId="19" xfId="1" applyFont="1" applyFill="1" applyBorder="1" applyAlignment="1"/>
    <xf numFmtId="37" fontId="6" fillId="0" borderId="18" xfId="1" applyFont="1" applyFill="1" applyBorder="1" applyAlignment="1" applyProtection="1">
      <protection locked="0"/>
    </xf>
    <xf numFmtId="37" fontId="6" fillId="0" borderId="51" xfId="1" applyFont="1" applyFill="1" applyBorder="1" applyAlignment="1" applyProtection="1">
      <protection locked="0"/>
    </xf>
    <xf numFmtId="39" fontId="6" fillId="0" borderId="48" xfId="1" applyNumberFormat="1" applyFont="1" applyFill="1" applyBorder="1" applyAlignment="1">
      <alignment horizontal="right"/>
    </xf>
    <xf numFmtId="39" fontId="6" fillId="0" borderId="48" xfId="1" applyNumberFormat="1" applyFont="1" applyFill="1" applyBorder="1" applyAlignment="1"/>
    <xf numFmtId="37" fontId="6" fillId="0" borderId="15" xfId="1" applyFont="1" applyFill="1" applyBorder="1" applyAlignment="1" applyProtection="1">
      <protection locked="0"/>
    </xf>
    <xf numFmtId="37" fontId="6" fillId="0" borderId="30" xfId="1" applyFont="1" applyFill="1" applyBorder="1" applyAlignment="1" applyProtection="1">
      <protection locked="0"/>
    </xf>
    <xf numFmtId="37" fontId="6" fillId="0" borderId="29" xfId="1" applyFont="1" applyFill="1" applyBorder="1" applyAlignment="1" applyProtection="1">
      <protection locked="0"/>
    </xf>
    <xf numFmtId="37" fontId="6" fillId="0" borderId="29" xfId="1" applyFont="1" applyFill="1" applyBorder="1" applyAlignment="1" applyProtection="1">
      <alignment horizontal="right"/>
      <protection locked="0"/>
    </xf>
    <xf numFmtId="37" fontId="6" fillId="0" borderId="0" xfId="1" applyFont="1" applyFill="1" applyBorder="1" applyAlignment="1" applyProtection="1">
      <alignment horizontal="right"/>
      <protection locked="0"/>
    </xf>
    <xf numFmtId="37" fontId="6" fillId="0" borderId="15" xfId="1" applyFont="1" applyFill="1" applyBorder="1" applyAlignment="1" applyProtection="1">
      <alignment horizontal="right"/>
      <protection locked="0"/>
    </xf>
    <xf numFmtId="37" fontId="6" fillId="0" borderId="9" xfId="1" applyFont="1" applyFill="1" applyBorder="1" applyAlignment="1" applyProtection="1">
      <protection locked="0"/>
    </xf>
    <xf numFmtId="37" fontId="6" fillId="0" borderId="15" xfId="1" applyFont="1" applyFill="1" applyBorder="1" applyAlignment="1" applyProtection="1"/>
    <xf numFmtId="37" fontId="6" fillId="0" borderId="30" xfId="1" applyFont="1" applyFill="1" applyBorder="1" applyAlignment="1" applyProtection="1"/>
    <xf numFmtId="37" fontId="6" fillId="0" borderId="0" xfId="1" applyFont="1" applyFill="1" applyBorder="1" applyAlignment="1" applyProtection="1">
      <protection locked="0"/>
    </xf>
    <xf numFmtId="37" fontId="6" fillId="0" borderId="26" xfId="1" applyFont="1" applyFill="1" applyBorder="1" applyAlignment="1" applyProtection="1">
      <protection locked="0"/>
    </xf>
    <xf numFmtId="37" fontId="6" fillId="0" borderId="15" xfId="1" applyFont="1" applyFill="1" applyBorder="1" applyAlignment="1" applyProtection="1">
      <alignment horizontal="center"/>
      <protection locked="0"/>
    </xf>
    <xf numFmtId="176" fontId="6" fillId="0" borderId="0" xfId="1" applyNumberFormat="1" applyFont="1" applyFill="1" applyBorder="1" applyAlignment="1" applyProtection="1">
      <protection locked="0"/>
    </xf>
    <xf numFmtId="176" fontId="6" fillId="0" borderId="15" xfId="1" applyNumberFormat="1" applyFont="1" applyFill="1" applyBorder="1" applyAlignment="1" applyProtection="1">
      <protection locked="0"/>
    </xf>
    <xf numFmtId="37" fontId="6" fillId="0" borderId="15" xfId="1" applyNumberFormat="1" applyFont="1" applyFill="1" applyBorder="1" applyAlignment="1" applyProtection="1">
      <protection locked="0"/>
    </xf>
    <xf numFmtId="37" fontId="6" fillId="0" borderId="50" xfId="1" applyFont="1" applyFill="1" applyBorder="1" applyAlignment="1" applyProtection="1">
      <alignment horizontal="distributed" justifyLastLine="1"/>
      <protection locked="0"/>
    </xf>
    <xf numFmtId="37" fontId="6" fillId="0" borderId="48" xfId="1" applyFont="1" applyFill="1" applyBorder="1" applyAlignment="1" applyProtection="1">
      <protection locked="0"/>
    </xf>
    <xf numFmtId="37" fontId="6" fillId="0" borderId="48" xfId="1" applyFont="1" applyFill="1" applyBorder="1" applyAlignment="1" applyProtection="1">
      <alignment horizontal="right"/>
      <protection locked="0"/>
    </xf>
    <xf numFmtId="37" fontId="6" fillId="0" borderId="19" xfId="1" applyFont="1" applyFill="1" applyBorder="1" applyAlignment="1" applyProtection="1">
      <alignment horizontal="right"/>
      <protection locked="0"/>
    </xf>
    <xf numFmtId="37" fontId="6" fillId="0" borderId="18" xfId="1" applyFont="1" applyFill="1" applyBorder="1" applyAlignment="1" applyProtection="1">
      <alignment horizontal="right"/>
      <protection locked="0"/>
    </xf>
    <xf numFmtId="37" fontId="6" fillId="0" borderId="50" xfId="1" applyFont="1" applyFill="1" applyBorder="1" applyAlignment="1" applyProtection="1">
      <protection locked="0"/>
    </xf>
    <xf numFmtId="37" fontId="6" fillId="0" borderId="18" xfId="1" applyFont="1" applyFill="1" applyBorder="1" applyAlignment="1" applyProtection="1"/>
    <xf numFmtId="37" fontId="6" fillId="0" borderId="51" xfId="1" applyFont="1" applyFill="1" applyBorder="1" applyAlignment="1" applyProtection="1"/>
    <xf numFmtId="37" fontId="6" fillId="0" borderId="19" xfId="1" applyFont="1" applyFill="1" applyBorder="1" applyAlignment="1" applyProtection="1">
      <protection locked="0"/>
    </xf>
    <xf numFmtId="37" fontId="6" fillId="0" borderId="53" xfId="1" applyFont="1" applyFill="1" applyBorder="1" applyAlignment="1" applyProtection="1">
      <protection locked="0"/>
    </xf>
    <xf numFmtId="37" fontId="6" fillId="0" borderId="18" xfId="1" applyFont="1" applyFill="1" applyBorder="1" applyAlignment="1" applyProtection="1">
      <alignment horizontal="center"/>
      <protection locked="0"/>
    </xf>
    <xf numFmtId="176" fontId="6" fillId="0" borderId="19" xfId="1" applyNumberFormat="1" applyFont="1" applyFill="1" applyBorder="1" applyAlignment="1" applyProtection="1">
      <protection locked="0"/>
    </xf>
    <xf numFmtId="176" fontId="6" fillId="0" borderId="18" xfId="1" applyNumberFormat="1" applyFont="1" applyFill="1" applyBorder="1" applyAlignment="1" applyProtection="1">
      <protection locked="0"/>
    </xf>
    <xf numFmtId="37" fontId="6" fillId="0" borderId="18" xfId="1" applyNumberFormat="1" applyFont="1" applyFill="1" applyBorder="1" applyAlignment="1" applyProtection="1">
      <protection locked="0"/>
    </xf>
    <xf numFmtId="37" fontId="6" fillId="0" borderId="9" xfId="1" applyFont="1" applyFill="1" applyBorder="1" applyAlignment="1" applyProtection="1">
      <alignment horizontal="distributed" justifyLastLine="1"/>
      <protection locked="0"/>
    </xf>
    <xf numFmtId="39" fontId="6" fillId="0" borderId="29" xfId="1" applyNumberFormat="1" applyFont="1" applyFill="1" applyBorder="1" applyAlignment="1">
      <alignment horizontal="right"/>
    </xf>
    <xf numFmtId="39" fontId="6" fillId="0" borderId="29" xfId="1" applyNumberFormat="1" applyFont="1" applyFill="1" applyBorder="1" applyAlignment="1"/>
    <xf numFmtId="176" fontId="6" fillId="0" borderId="48" xfId="1" applyNumberFormat="1" applyFont="1" applyFill="1" applyBorder="1" applyAlignment="1" applyProtection="1">
      <protection locked="0"/>
    </xf>
    <xf numFmtId="37" fontId="6" fillId="0" borderId="11" xfId="1" applyFont="1" applyFill="1" applyBorder="1" applyAlignment="1"/>
    <xf numFmtId="37" fontId="6" fillId="0" borderId="49" xfId="1" applyFont="1" applyFill="1" applyBorder="1" applyAlignment="1"/>
    <xf numFmtId="37" fontId="6" fillId="0" borderId="11" xfId="1" applyFont="1" applyFill="1" applyBorder="1" applyAlignment="1" applyProtection="1">
      <protection locked="0"/>
    </xf>
    <xf numFmtId="37" fontId="6" fillId="0" borderId="10" xfId="1" applyFont="1" applyFill="1" applyBorder="1" applyAlignment="1" applyProtection="1">
      <alignment horizontal="center"/>
      <protection locked="0"/>
    </xf>
    <xf numFmtId="37" fontId="6" fillId="0" borderId="54" xfId="1" applyFont="1" applyFill="1" applyBorder="1" applyAlignment="1"/>
    <xf numFmtId="37" fontId="6" fillId="0" borderId="54" xfId="1" applyFont="1" applyFill="1" applyBorder="1" applyAlignment="1" applyProtection="1">
      <protection locked="0"/>
    </xf>
    <xf numFmtId="37" fontId="6" fillId="0" borderId="47" xfId="1" applyFont="1" applyFill="1" applyBorder="1" applyAlignment="1" applyProtection="1">
      <protection locked="0"/>
    </xf>
    <xf numFmtId="176" fontId="6" fillId="0" borderId="11" xfId="1" applyNumberFormat="1" applyFont="1" applyFill="1" applyBorder="1" applyAlignment="1" applyProtection="1">
      <protection locked="0"/>
    </xf>
    <xf numFmtId="176" fontId="6" fillId="0" borderId="10" xfId="1" applyNumberFormat="1" applyFont="1" applyFill="1" applyBorder="1" applyAlignment="1" applyProtection="1">
      <protection locked="0"/>
    </xf>
    <xf numFmtId="39" fontId="6" fillId="0" borderId="54" xfId="1" applyNumberFormat="1" applyFont="1" applyFill="1" applyBorder="1" applyAlignment="1">
      <alignment horizontal="right"/>
    </xf>
    <xf numFmtId="39" fontId="6" fillId="0" borderId="54" xfId="1" applyNumberFormat="1" applyFont="1" applyFill="1" applyBorder="1" applyAlignment="1"/>
    <xf numFmtId="37" fontId="6" fillId="0" borderId="10" xfId="1" applyNumberFormat="1" applyFont="1" applyFill="1" applyBorder="1" applyAlignment="1" applyProtection="1">
      <protection locked="0"/>
    </xf>
    <xf numFmtId="37" fontId="6" fillId="0" borderId="26" xfId="1" applyFont="1" applyFill="1" applyBorder="1" applyAlignment="1"/>
    <xf numFmtId="37" fontId="6" fillId="0" borderId="15" xfId="1" applyFont="1" applyFill="1" applyBorder="1" applyAlignment="1"/>
    <xf numFmtId="37" fontId="6" fillId="0" borderId="30" xfId="1" applyFont="1" applyFill="1" applyBorder="1" applyAlignment="1"/>
    <xf numFmtId="37" fontId="6" fillId="0" borderId="17" xfId="1" applyFont="1" applyFill="1" applyBorder="1" applyAlignment="1"/>
    <xf numFmtId="37" fontId="6" fillId="0" borderId="29" xfId="1" applyFont="1" applyFill="1" applyBorder="1" applyAlignment="1"/>
    <xf numFmtId="37" fontId="6" fillId="0" borderId="18" xfId="1" applyNumberFormat="1" applyFont="1" applyFill="1" applyBorder="1" applyAlignment="1" applyProtection="1">
      <alignment horizontal="right"/>
      <protection locked="0"/>
    </xf>
    <xf numFmtId="37" fontId="6" fillId="0" borderId="51" xfId="1" applyNumberFormat="1" applyFont="1" applyFill="1" applyBorder="1" applyAlignment="1" applyProtection="1">
      <alignment horizontal="right"/>
      <protection locked="0"/>
    </xf>
    <xf numFmtId="37" fontId="6" fillId="0" borderId="21" xfId="1" applyFont="1" applyFill="1" applyBorder="1" applyAlignment="1" applyProtection="1">
      <protection locked="0"/>
    </xf>
    <xf numFmtId="37" fontId="6" fillId="0" borderId="48" xfId="1" applyNumberFormat="1" applyFont="1" applyFill="1" applyBorder="1" applyAlignment="1" applyProtection="1">
      <alignment horizontal="right"/>
      <protection locked="0"/>
    </xf>
    <xf numFmtId="37" fontId="6" fillId="0" borderId="54" xfId="1" applyFont="1" applyFill="1" applyBorder="1" applyAlignment="1" applyProtection="1">
      <alignment horizontal="right"/>
      <protection locked="0"/>
    </xf>
    <xf numFmtId="37" fontId="6" fillId="0" borderId="11" xfId="1" applyFont="1" applyFill="1" applyBorder="1" applyAlignment="1" applyProtection="1">
      <alignment horizontal="right"/>
      <protection locked="0"/>
    </xf>
    <xf numFmtId="37" fontId="6" fillId="0" borderId="10" xfId="1" applyFont="1" applyFill="1" applyBorder="1" applyAlignment="1" applyProtection="1">
      <alignment horizontal="right"/>
      <protection locked="0"/>
    </xf>
    <xf numFmtId="37" fontId="6" fillId="0" borderId="10" xfId="1" applyFont="1" applyFill="1" applyBorder="1" applyAlignment="1"/>
    <xf numFmtId="37" fontId="6" fillId="0" borderId="10" xfId="1" applyFont="1" applyFill="1" applyBorder="1" applyAlignment="1" applyProtection="1"/>
    <xf numFmtId="37" fontId="6" fillId="0" borderId="49" xfId="1" applyFont="1" applyFill="1" applyBorder="1" applyAlignment="1" applyProtection="1"/>
    <xf numFmtId="37" fontId="6" fillId="0" borderId="28" xfId="1" applyFont="1" applyFill="1" applyBorder="1" applyAlignment="1" applyProtection="1">
      <protection locked="0"/>
    </xf>
    <xf numFmtId="37" fontId="6" fillId="0" borderId="31" xfId="1" applyFont="1" applyFill="1" applyBorder="1" applyAlignment="1" applyProtection="1">
      <protection locked="0"/>
    </xf>
    <xf numFmtId="37" fontId="6" fillId="0" borderId="47" xfId="1" applyFont="1" applyFill="1" applyBorder="1" applyAlignment="1"/>
    <xf numFmtId="176" fontId="6" fillId="0" borderId="54" xfId="1" applyNumberFormat="1" applyFont="1" applyFill="1" applyBorder="1" applyAlignment="1" applyProtection="1">
      <protection locked="0"/>
    </xf>
    <xf numFmtId="37" fontId="6" fillId="0" borderId="10" xfId="1" applyNumberFormat="1" applyFont="1" applyFill="1" applyBorder="1" applyAlignment="1" applyProtection="1">
      <alignment horizontal="right"/>
      <protection locked="0"/>
    </xf>
    <xf numFmtId="37" fontId="6" fillId="0" borderId="49" xfId="1" applyNumberFormat="1" applyFont="1" applyFill="1" applyBorder="1" applyAlignment="1" applyProtection="1">
      <alignment horizontal="right"/>
      <protection locked="0"/>
    </xf>
    <xf numFmtId="37" fontId="6" fillId="0" borderId="55" xfId="1" applyFont="1" applyFill="1" applyBorder="1" applyAlignment="1" applyProtection="1">
      <alignment horizontal="distributed" justifyLastLine="1"/>
      <protection locked="0"/>
    </xf>
    <xf numFmtId="37" fontId="6" fillId="0" borderId="56" xfId="1" applyFont="1" applyFill="1" applyBorder="1" applyAlignment="1" applyProtection="1">
      <protection locked="0"/>
    </xf>
    <xf numFmtId="37" fontId="6" fillId="0" borderId="57" xfId="1" applyFont="1" applyFill="1" applyBorder="1" applyAlignment="1" applyProtection="1">
      <protection locked="0"/>
    </xf>
    <xf numFmtId="37" fontId="6" fillId="0" borderId="58" xfId="1" applyFont="1" applyFill="1" applyBorder="1" applyAlignment="1" applyProtection="1">
      <protection locked="0"/>
    </xf>
    <xf numFmtId="37" fontId="6" fillId="0" borderId="58" xfId="1" applyFont="1" applyFill="1" applyBorder="1" applyAlignment="1" applyProtection="1">
      <alignment horizontal="right"/>
      <protection locked="0"/>
    </xf>
    <xf numFmtId="37" fontId="6" fillId="0" borderId="59" xfId="1" applyFont="1" applyFill="1" applyBorder="1" applyAlignment="1" applyProtection="1">
      <alignment horizontal="right"/>
      <protection locked="0"/>
    </xf>
    <xf numFmtId="37" fontId="6" fillId="0" borderId="56" xfId="1" applyFont="1" applyFill="1" applyBorder="1" applyAlignment="1" applyProtection="1">
      <alignment horizontal="right"/>
      <protection locked="0"/>
    </xf>
    <xf numFmtId="37" fontId="6" fillId="0" borderId="55" xfId="1" applyFont="1" applyFill="1" applyBorder="1" applyAlignment="1" applyProtection="1">
      <protection locked="0"/>
    </xf>
    <xf numFmtId="37" fontId="6" fillId="0" borderId="56" xfId="1" applyFont="1" applyFill="1" applyBorder="1" applyAlignment="1" applyProtection="1"/>
    <xf numFmtId="37" fontId="6" fillId="0" borderId="57" xfId="1" applyFont="1" applyFill="1" applyBorder="1" applyAlignment="1" applyProtection="1"/>
    <xf numFmtId="37" fontId="6" fillId="0" borderId="59" xfId="1" applyFont="1" applyFill="1" applyBorder="1" applyAlignment="1" applyProtection="1">
      <protection locked="0"/>
    </xf>
    <xf numFmtId="37" fontId="6" fillId="0" borderId="60" xfId="1" applyFont="1" applyFill="1" applyBorder="1" applyAlignment="1" applyProtection="1">
      <protection locked="0"/>
    </xf>
    <xf numFmtId="37" fontId="6" fillId="0" borderId="56" xfId="1" applyFont="1" applyFill="1" applyBorder="1" applyAlignment="1" applyProtection="1">
      <alignment horizontal="center"/>
      <protection locked="0"/>
    </xf>
    <xf numFmtId="176" fontId="6" fillId="0" borderId="59" xfId="1" applyNumberFormat="1" applyFont="1" applyFill="1" applyBorder="1" applyAlignment="1" applyProtection="1">
      <protection locked="0"/>
    </xf>
    <xf numFmtId="176" fontId="6" fillId="0" borderId="56" xfId="1" applyNumberFormat="1" applyFont="1" applyFill="1" applyBorder="1" applyAlignment="1" applyProtection="1">
      <protection locked="0"/>
    </xf>
    <xf numFmtId="39" fontId="6" fillId="0" borderId="58" xfId="1" applyNumberFormat="1" applyFont="1" applyFill="1" applyBorder="1" applyAlignment="1">
      <alignment horizontal="right"/>
    </xf>
    <xf numFmtId="39" fontId="6" fillId="0" borderId="58" xfId="1" applyNumberFormat="1" applyFont="1" applyFill="1" applyBorder="1" applyAlignment="1"/>
    <xf numFmtId="37" fontId="6" fillId="0" borderId="58" xfId="1" applyNumberFormat="1" applyFont="1" applyFill="1" applyBorder="1" applyAlignment="1" applyProtection="1">
      <protection locked="0"/>
    </xf>
    <xf numFmtId="37" fontId="6" fillId="0" borderId="61" xfId="1" applyFont="1" applyFill="1" applyBorder="1" applyAlignment="1" applyProtection="1">
      <alignment horizontal="distributed" justifyLastLine="1"/>
      <protection locked="0"/>
    </xf>
    <xf numFmtId="37" fontId="6" fillId="0" borderId="62" xfId="1" applyFont="1" applyFill="1" applyBorder="1" applyAlignment="1" applyProtection="1">
      <protection locked="0"/>
    </xf>
    <xf numFmtId="37" fontId="6" fillId="0" borderId="63" xfId="1" applyFont="1" applyFill="1" applyBorder="1" applyAlignment="1" applyProtection="1">
      <protection locked="0"/>
    </xf>
    <xf numFmtId="37" fontId="6" fillId="0" borderId="64" xfId="1" applyFont="1" applyFill="1" applyBorder="1" applyAlignment="1" applyProtection="1">
      <protection locked="0"/>
    </xf>
    <xf numFmtId="37" fontId="6" fillId="0" borderId="64" xfId="1" applyFont="1" applyFill="1" applyBorder="1" applyAlignment="1" applyProtection="1">
      <alignment horizontal="right"/>
      <protection locked="0"/>
    </xf>
    <xf numFmtId="37" fontId="6" fillId="0" borderId="65" xfId="1" applyFont="1" applyFill="1" applyBorder="1" applyAlignment="1" applyProtection="1">
      <alignment horizontal="right"/>
      <protection locked="0"/>
    </xf>
    <xf numFmtId="37" fontId="6" fillId="0" borderId="62" xfId="1" applyFont="1" applyFill="1" applyBorder="1" applyAlignment="1" applyProtection="1">
      <alignment horizontal="right"/>
      <protection locked="0"/>
    </xf>
    <xf numFmtId="37" fontId="6" fillId="0" borderId="61" xfId="1" applyFont="1" applyFill="1" applyBorder="1" applyAlignment="1" applyProtection="1">
      <protection locked="0"/>
    </xf>
    <xf numFmtId="37" fontId="6" fillId="0" borderId="62" xfId="1" applyFont="1" applyFill="1" applyBorder="1" applyAlignment="1" applyProtection="1"/>
    <xf numFmtId="37" fontId="6" fillId="0" borderId="63" xfId="1" applyFont="1" applyFill="1" applyBorder="1" applyAlignment="1" applyProtection="1"/>
    <xf numFmtId="37" fontId="6" fillId="0" borderId="65" xfId="1" applyFont="1" applyFill="1" applyBorder="1" applyAlignment="1" applyProtection="1">
      <protection locked="0"/>
    </xf>
    <xf numFmtId="37" fontId="6" fillId="0" borderId="66" xfId="1" applyFont="1" applyFill="1" applyBorder="1" applyAlignment="1" applyProtection="1">
      <protection locked="0"/>
    </xf>
    <xf numFmtId="37" fontId="6" fillId="0" borderId="62" xfId="1" applyFont="1" applyFill="1" applyBorder="1" applyAlignment="1" applyProtection="1">
      <alignment horizontal="center"/>
      <protection locked="0"/>
    </xf>
    <xf numFmtId="176" fontId="6" fillId="0" borderId="65" xfId="1" applyNumberFormat="1" applyFont="1" applyFill="1" applyBorder="1" applyAlignment="1" applyProtection="1">
      <protection locked="0"/>
    </xf>
    <xf numFmtId="176" fontId="6" fillId="0" borderId="62" xfId="1" applyNumberFormat="1" applyFont="1" applyFill="1" applyBorder="1" applyAlignment="1" applyProtection="1">
      <protection locked="0"/>
    </xf>
    <xf numFmtId="39" fontId="6" fillId="0" borderId="64" xfId="1" applyNumberFormat="1" applyFont="1" applyFill="1" applyBorder="1" applyAlignment="1">
      <alignment horizontal="right"/>
    </xf>
    <xf numFmtId="39" fontId="6" fillId="0" borderId="64" xfId="1" applyNumberFormat="1" applyFont="1" applyFill="1" applyBorder="1" applyAlignment="1"/>
    <xf numFmtId="37" fontId="6" fillId="0" borderId="64" xfId="1" applyNumberFormat="1" applyFont="1" applyFill="1" applyBorder="1" applyAlignment="1" applyProtection="1">
      <protection locked="0"/>
    </xf>
    <xf numFmtId="37" fontId="5" fillId="0" borderId="67" xfId="1" applyFont="1" applyFill="1" applyBorder="1" applyAlignment="1" applyProtection="1">
      <alignment horizontal="distributed"/>
      <protection locked="0"/>
    </xf>
    <xf numFmtId="37" fontId="5" fillId="0" borderId="0" xfId="1" applyFont="1" applyFill="1" applyBorder="1" applyAlignment="1" applyProtection="1">
      <protection locked="0"/>
    </xf>
    <xf numFmtId="37" fontId="5" fillId="0" borderId="15" xfId="1" applyFont="1" applyFill="1" applyBorder="1" applyAlignment="1" applyProtection="1">
      <protection locked="0"/>
    </xf>
    <xf numFmtId="37" fontId="5" fillId="0" borderId="67" xfId="1" applyFont="1" applyFill="1" applyBorder="1" applyAlignment="1" applyProtection="1">
      <protection locked="0"/>
    </xf>
    <xf numFmtId="37" fontId="5" fillId="0" borderId="0" xfId="1" applyFont="1" applyFill="1" applyBorder="1" applyAlignment="1" applyProtection="1">
      <alignment horizontal="right"/>
      <protection locked="0"/>
    </xf>
    <xf numFmtId="37" fontId="5" fillId="0" borderId="68" xfId="1" applyFont="1" applyFill="1" applyBorder="1" applyAlignment="1" applyProtection="1">
      <protection locked="0"/>
    </xf>
    <xf numFmtId="37" fontId="5" fillId="0" borderId="68" xfId="1" applyFont="1" applyFill="1" applyBorder="1" applyAlignment="1" applyProtection="1">
      <alignment horizontal="distributed"/>
      <protection locked="0"/>
    </xf>
    <xf numFmtId="37" fontId="5" fillId="0" borderId="0" xfId="1" applyFont="1" applyFill="1" applyBorder="1" applyAlignment="1" applyProtection="1"/>
    <xf numFmtId="37" fontId="5" fillId="0" borderId="68" xfId="1" applyFont="1" applyFill="1" applyBorder="1" applyAlignment="1" applyProtection="1"/>
    <xf numFmtId="37" fontId="5" fillId="0" borderId="0" xfId="1" applyFont="1" applyFill="1" applyBorder="1" applyAlignment="1" applyProtection="1">
      <alignment horizontal="center"/>
      <protection locked="0"/>
    </xf>
    <xf numFmtId="177" fontId="5" fillId="0" borderId="0" xfId="1" applyNumberFormat="1" applyFont="1" applyFill="1" applyBorder="1" applyAlignment="1" applyProtection="1">
      <protection locked="0"/>
    </xf>
    <xf numFmtId="2" fontId="5" fillId="0" borderId="0" xfId="1" applyNumberFormat="1" applyFont="1" applyFill="1" applyBorder="1" applyAlignment="1" applyProtection="1">
      <protection locked="0"/>
    </xf>
    <xf numFmtId="37" fontId="5" fillId="0" borderId="0" xfId="1" applyNumberFormat="1" applyFont="1" applyFill="1" applyBorder="1" applyAlignment="1" applyProtection="1">
      <protection locked="0"/>
    </xf>
    <xf numFmtId="37" fontId="5" fillId="0" borderId="0" xfId="1" applyFont="1" applyFill="1" applyBorder="1" applyAlignment="1"/>
    <xf numFmtId="37" fontId="6" fillId="0" borderId="69" xfId="1" applyFont="1" applyFill="1" applyBorder="1" applyAlignment="1" applyProtection="1">
      <alignment horizontal="distributed" justifyLastLine="1"/>
      <protection locked="0"/>
    </xf>
    <xf numFmtId="37" fontId="6" fillId="0" borderId="70" xfId="1" applyFont="1" applyFill="1" applyBorder="1" applyAlignment="1" applyProtection="1"/>
    <xf numFmtId="37" fontId="6" fillId="0" borderId="71" xfId="1" applyFont="1" applyFill="1" applyBorder="1" applyAlignment="1" applyProtection="1"/>
    <xf numFmtId="37" fontId="6" fillId="0" borderId="72" xfId="1" applyFont="1" applyFill="1" applyBorder="1" applyAlignment="1" applyProtection="1"/>
    <xf numFmtId="37" fontId="6" fillId="0" borderId="73" xfId="1" applyFont="1" applyFill="1" applyBorder="1" applyAlignment="1" applyProtection="1"/>
    <xf numFmtId="37" fontId="6" fillId="0" borderId="69" xfId="1" applyFont="1" applyFill="1" applyBorder="1" applyAlignment="1" applyProtection="1">
      <alignment wrapText="1"/>
    </xf>
    <xf numFmtId="37" fontId="6" fillId="0" borderId="73" xfId="1" applyFont="1" applyFill="1" applyBorder="1" applyAlignment="1"/>
    <xf numFmtId="37" fontId="6" fillId="0" borderId="70" xfId="1" applyFont="1" applyFill="1" applyBorder="1" applyAlignment="1"/>
    <xf numFmtId="37" fontId="6" fillId="0" borderId="74" xfId="1" applyFont="1" applyFill="1" applyBorder="1" applyAlignment="1" applyProtection="1"/>
    <xf numFmtId="37" fontId="6" fillId="0" borderId="35" xfId="1" applyFont="1" applyFill="1" applyBorder="1" applyAlignment="1" applyProtection="1"/>
    <xf numFmtId="37" fontId="6" fillId="0" borderId="32" xfId="1" applyFont="1" applyFill="1" applyBorder="1" applyAlignment="1" applyProtection="1">
      <alignment horizontal="distributed" justifyLastLine="1"/>
      <protection locked="0"/>
    </xf>
    <xf numFmtId="37" fontId="6" fillId="0" borderId="70" xfId="1" applyFont="1" applyFill="1" applyBorder="1" applyAlignment="1" applyProtection="1">
      <alignment horizontal="center"/>
    </xf>
    <xf numFmtId="37" fontId="6" fillId="0" borderId="69" xfId="1" applyFont="1" applyFill="1" applyBorder="1" applyAlignment="1" applyProtection="1"/>
    <xf numFmtId="176" fontId="6" fillId="0" borderId="73" xfId="1" applyNumberFormat="1" applyFont="1" applyFill="1" applyBorder="1" applyAlignment="1" applyProtection="1"/>
    <xf numFmtId="176" fontId="6" fillId="0" borderId="70" xfId="1" applyNumberFormat="1" applyFont="1" applyFill="1" applyBorder="1" applyAlignment="1" applyProtection="1"/>
    <xf numFmtId="39" fontId="6" fillId="0" borderId="70" xfId="1" applyNumberFormat="1" applyFont="1" applyFill="1" applyBorder="1" applyAlignment="1" applyProtection="1"/>
    <xf numFmtId="37" fontId="6" fillId="0" borderId="47" xfId="1" quotePrefix="1" applyFont="1" applyFill="1" applyBorder="1" applyAlignment="1" applyProtection="1">
      <alignment horizontal="distributed" justifyLastLine="1"/>
    </xf>
    <xf numFmtId="37" fontId="6" fillId="0" borderId="54" xfId="1" applyFont="1" applyFill="1" applyBorder="1" applyAlignment="1" applyProtection="1"/>
    <xf numFmtId="37" fontId="6" fillId="0" borderId="11" xfId="1" applyFont="1" applyFill="1" applyBorder="1" applyAlignment="1" applyProtection="1">
      <alignment horizontal="right"/>
    </xf>
    <xf numFmtId="37" fontId="6" fillId="0" borderId="10" xfId="1" applyFont="1" applyFill="1" applyBorder="1" applyAlignment="1" applyProtection="1">
      <alignment horizontal="right"/>
    </xf>
    <xf numFmtId="37" fontId="6" fillId="0" borderId="54" xfId="1" applyFont="1" applyFill="1" applyBorder="1" applyAlignment="1" applyProtection="1">
      <alignment horizontal="right"/>
    </xf>
    <xf numFmtId="37" fontId="6" fillId="0" borderId="47" xfId="1" applyFont="1" applyFill="1" applyBorder="1" applyAlignment="1" applyProtection="1"/>
    <xf numFmtId="37" fontId="6" fillId="0" borderId="11" xfId="1" applyFont="1" applyFill="1" applyBorder="1" applyAlignment="1" applyProtection="1"/>
    <xf numFmtId="37" fontId="6" fillId="0" borderId="31" xfId="1" applyFont="1" applyFill="1" applyBorder="1" applyAlignment="1" applyProtection="1"/>
    <xf numFmtId="37" fontId="6" fillId="0" borderId="10" xfId="1" applyFont="1" applyFill="1" applyBorder="1" applyAlignment="1" applyProtection="1">
      <alignment horizontal="center"/>
    </xf>
    <xf numFmtId="37" fontId="6" fillId="0" borderId="75" xfId="1" quotePrefix="1" applyFont="1" applyFill="1" applyBorder="1" applyAlignment="1" applyProtection="1">
      <alignment horizontal="distributed" justifyLastLine="1"/>
    </xf>
    <xf numFmtId="177" fontId="6" fillId="0" borderId="11" xfId="1" applyNumberFormat="1" applyFont="1" applyFill="1" applyBorder="1" applyAlignment="1" applyProtection="1"/>
    <xf numFmtId="177" fontId="6" fillId="0" borderId="10" xfId="1" applyNumberFormat="1" applyFont="1" applyFill="1" applyBorder="1" applyAlignment="1" applyProtection="1"/>
    <xf numFmtId="2" fontId="6" fillId="0" borderId="10" xfId="1" applyNumberFormat="1" applyFont="1" applyFill="1" applyBorder="1" applyAlignment="1" applyProtection="1"/>
    <xf numFmtId="37" fontId="6" fillId="0" borderId="10" xfId="1" applyNumberFormat="1" applyFont="1" applyFill="1" applyBorder="1" applyAlignment="1" applyProtection="1"/>
    <xf numFmtId="37" fontId="6" fillId="0" borderId="50" xfId="1" quotePrefix="1" applyFont="1" applyFill="1" applyBorder="1" applyAlignment="1" applyProtection="1">
      <alignment horizontal="distributed" justifyLastLine="1"/>
    </xf>
    <xf numFmtId="37" fontId="6" fillId="0" borderId="76" xfId="1" quotePrefix="1" applyFont="1" applyFill="1" applyBorder="1" applyAlignment="1" applyProtection="1">
      <alignment horizontal="distributed" justifyLastLine="1"/>
    </xf>
    <xf numFmtId="37" fontId="6" fillId="0" borderId="77" xfId="1" applyFont="1" applyFill="1" applyBorder="1" applyAlignment="1" applyProtection="1"/>
    <xf numFmtId="37" fontId="6" fillId="0" borderId="78" xfId="1" applyFont="1" applyFill="1" applyBorder="1" applyAlignment="1" applyProtection="1"/>
    <xf numFmtId="37" fontId="6" fillId="0" borderId="58" xfId="1" applyFont="1" applyFill="1" applyBorder="1" applyAlignment="1" applyProtection="1"/>
    <xf numFmtId="37" fontId="6" fillId="0" borderId="79" xfId="1" applyFont="1" applyFill="1" applyBorder="1" applyAlignment="1" applyProtection="1">
      <alignment horizontal="right"/>
    </xf>
    <xf numFmtId="37" fontId="6" fillId="0" borderId="78" xfId="1" applyFont="1" applyFill="1" applyBorder="1" applyAlignment="1" applyProtection="1">
      <alignment horizontal="right"/>
    </xf>
    <xf numFmtId="37" fontId="6" fillId="0" borderId="58" xfId="1" applyFont="1" applyFill="1" applyBorder="1" applyAlignment="1" applyProtection="1">
      <alignment horizontal="right"/>
    </xf>
    <xf numFmtId="37" fontId="6" fillId="0" borderId="56" xfId="1" applyFont="1" applyFill="1" applyBorder="1" applyAlignment="1" applyProtection="1">
      <alignment horizontal="right"/>
    </xf>
    <xf numFmtId="37" fontId="6" fillId="0" borderId="76" xfId="1" applyFont="1" applyFill="1" applyBorder="1" applyAlignment="1" applyProtection="1"/>
    <xf numFmtId="37" fontId="6" fillId="0" borderId="59" xfId="1" applyFont="1" applyFill="1" applyBorder="1" applyAlignment="1" applyProtection="1"/>
    <xf numFmtId="37" fontId="6" fillId="0" borderId="80" xfId="1" applyFont="1" applyFill="1" applyBorder="1" applyAlignment="1" applyProtection="1"/>
    <xf numFmtId="37" fontId="6" fillId="0" borderId="79" xfId="1" applyFont="1" applyFill="1" applyBorder="1" applyAlignment="1" applyProtection="1"/>
    <xf numFmtId="37" fontId="6" fillId="0" borderId="78" xfId="1" applyFont="1" applyFill="1" applyBorder="1" applyAlignment="1" applyProtection="1">
      <alignment horizontal="center"/>
    </xf>
    <xf numFmtId="177" fontId="6" fillId="0" borderId="79" xfId="1" applyNumberFormat="1" applyFont="1" applyFill="1" applyBorder="1" applyAlignment="1" applyProtection="1"/>
    <xf numFmtId="177" fontId="6" fillId="0" borderId="78" xfId="1" applyNumberFormat="1" applyFont="1" applyFill="1" applyBorder="1" applyAlignment="1" applyProtection="1"/>
    <xf numFmtId="2" fontId="6" fillId="0" borderId="78" xfId="1" applyNumberFormat="1" applyFont="1" applyFill="1" applyBorder="1" applyAlignment="1" applyProtection="1"/>
    <xf numFmtId="37" fontId="6" fillId="0" borderId="78" xfId="1" applyNumberFormat="1" applyFont="1" applyFill="1" applyBorder="1" applyAlignment="1" applyProtection="1"/>
    <xf numFmtId="37" fontId="6" fillId="0" borderId="81" xfId="1" applyFont="1" applyFill="1" applyBorder="1" applyAlignment="1" applyProtection="1"/>
    <xf numFmtId="37" fontId="5" fillId="0" borderId="0" xfId="1" applyFont="1" applyFill="1" applyBorder="1" applyAlignment="1" applyProtection="1">
      <alignment horizontal="distributed"/>
      <protection locked="0"/>
    </xf>
    <xf numFmtId="37" fontId="6" fillId="0" borderId="69" xfId="1" applyFont="1" applyFill="1" applyBorder="1" applyAlignment="1" applyProtection="1">
      <alignment horizontal="distributed" justifyLastLine="1"/>
    </xf>
    <xf numFmtId="37" fontId="9" fillId="0" borderId="0" xfId="1" applyFont="1" applyFill="1" applyAlignment="1"/>
    <xf numFmtId="37" fontId="6" fillId="0" borderId="48" xfId="1" applyFont="1" applyFill="1" applyBorder="1" applyAlignment="1" applyProtection="1"/>
    <xf numFmtId="37" fontId="6" fillId="0" borderId="55" xfId="1" quotePrefix="1" applyFont="1" applyFill="1" applyBorder="1" applyAlignment="1" applyProtection="1">
      <alignment horizontal="distributed" justifyLastLine="1"/>
    </xf>
    <xf numFmtId="37" fontId="6" fillId="0" borderId="77" xfId="1" applyFont="1" applyFill="1" applyBorder="1" applyAlignment="1" applyProtection="1">
      <alignment horizontal="right"/>
    </xf>
    <xf numFmtId="37" fontId="5" fillId="0" borderId="0" xfId="1" quotePrefix="1" applyFont="1" applyFill="1" applyBorder="1" applyAlignment="1" applyProtection="1">
      <alignment horizontal="distributed" justifyLastLine="1"/>
    </xf>
    <xf numFmtId="37" fontId="5" fillId="0" borderId="0" xfId="1" applyFont="1" applyFill="1" applyBorder="1" applyAlignment="1" applyProtection="1">
      <alignment horizontal="right"/>
    </xf>
    <xf numFmtId="37" fontId="5" fillId="0" borderId="0" xfId="1" applyFont="1" applyFill="1" applyBorder="1" applyAlignment="1" applyProtection="1">
      <alignment horizontal="center"/>
    </xf>
    <xf numFmtId="49" fontId="5" fillId="0" borderId="0" xfId="1" applyNumberFormat="1" applyFont="1" applyFill="1" applyBorder="1" applyAlignment="1" applyProtection="1">
      <alignment justifyLastLine="1"/>
    </xf>
    <xf numFmtId="37" fontId="5" fillId="0" borderId="0" xfId="1" applyFont="1" applyFill="1" applyBorder="1" applyAlignment="1" applyProtection="1">
      <alignment horizontal="left" justifyLastLine="1"/>
    </xf>
    <xf numFmtId="177" fontId="5" fillId="0" borderId="0" xfId="1" applyNumberFormat="1" applyFont="1" applyFill="1" applyBorder="1" applyAlignment="1" applyProtection="1"/>
    <xf numFmtId="2" fontId="5" fillId="0" borderId="0" xfId="1" applyNumberFormat="1" applyFont="1" applyFill="1" applyBorder="1" applyAlignment="1" applyProtection="1"/>
    <xf numFmtId="37" fontId="5" fillId="0" borderId="0" xfId="1" applyNumberFormat="1" applyFont="1" applyFill="1" applyBorder="1" applyAlignment="1" applyProtection="1"/>
    <xf numFmtId="37" fontId="6" fillId="0" borderId="0" xfId="2" applyFont="1"/>
    <xf numFmtId="37" fontId="6" fillId="0" borderId="0" xfId="2" applyFont="1" applyFill="1"/>
    <xf numFmtId="37" fontId="13" fillId="0" borderId="0" xfId="2" applyFont="1"/>
    <xf numFmtId="37" fontId="5" fillId="0" borderId="0" xfId="3" applyFont="1"/>
    <xf numFmtId="37" fontId="6" fillId="0" borderId="0" xfId="2" applyFont="1" applyAlignment="1">
      <alignment horizontal="right" vertical="top"/>
    </xf>
    <xf numFmtId="38" fontId="5" fillId="0" borderId="89" xfId="4" applyFont="1" applyBorder="1"/>
    <xf numFmtId="37" fontId="6" fillId="0" borderId="57" xfId="2" quotePrefix="1" applyFont="1" applyFill="1" applyBorder="1" applyAlignment="1">
      <alignment horizontal="center"/>
    </xf>
    <xf numFmtId="37" fontId="6" fillId="0" borderId="56" xfId="2" applyFont="1" applyFill="1" applyBorder="1"/>
    <xf numFmtId="37" fontId="6" fillId="0" borderId="58" xfId="2" applyFont="1" applyBorder="1" applyAlignment="1">
      <alignment vertical="center" wrapText="1"/>
    </xf>
    <xf numFmtId="38" fontId="5" fillId="0" borderId="93" xfId="4" applyFont="1" applyBorder="1"/>
    <xf numFmtId="37" fontId="6" fillId="0" borderId="30" xfId="2" applyFont="1" applyFill="1" applyBorder="1"/>
    <xf numFmtId="37" fontId="6" fillId="0" borderId="15" xfId="2" applyFont="1" applyFill="1" applyBorder="1" applyAlignment="1">
      <alignment horizontal="right"/>
    </xf>
    <xf numFmtId="37" fontId="6" fillId="0" borderId="29" xfId="2" applyFont="1" applyBorder="1" applyAlignment="1">
      <alignment vertical="center" wrapText="1"/>
    </xf>
    <xf numFmtId="38" fontId="5" fillId="0" borderId="97" xfId="4" applyFont="1" applyBorder="1"/>
    <xf numFmtId="37" fontId="6" fillId="0" borderId="49" xfId="2" quotePrefix="1" applyFont="1" applyFill="1" applyBorder="1" applyAlignment="1">
      <alignment horizontal="center"/>
    </xf>
    <xf numFmtId="37" fontId="6" fillId="0" borderId="10" xfId="2" applyFont="1" applyFill="1" applyBorder="1"/>
    <xf numFmtId="38" fontId="5" fillId="0" borderId="98" xfId="4" applyFont="1" applyBorder="1"/>
    <xf numFmtId="37" fontId="6" fillId="0" borderId="15" xfId="2" applyFont="1" applyFill="1" applyBorder="1"/>
    <xf numFmtId="37" fontId="6" fillId="0" borderId="30" xfId="2" quotePrefix="1" applyFont="1" applyFill="1" applyBorder="1" applyAlignment="1">
      <alignment horizontal="center" vertical="center"/>
    </xf>
    <xf numFmtId="37" fontId="6" fillId="0" borderId="29" xfId="2" applyFont="1" applyBorder="1" applyAlignment="1">
      <alignment horizontal="center" vertical="center" wrapText="1"/>
    </xf>
    <xf numFmtId="37" fontId="6" fillId="0" borderId="49" xfId="2" applyFont="1" applyFill="1" applyBorder="1"/>
    <xf numFmtId="37" fontId="6" fillId="0" borderId="30" xfId="2" quotePrefix="1" applyFont="1" applyFill="1" applyBorder="1" applyAlignment="1">
      <alignment horizontal="center"/>
    </xf>
    <xf numFmtId="38" fontId="5" fillId="0" borderId="97" xfId="4" applyFont="1" applyFill="1" applyBorder="1"/>
    <xf numFmtId="37" fontId="6" fillId="0" borderId="29" xfId="2" applyFont="1" applyFill="1" applyBorder="1" applyAlignment="1">
      <alignment horizontal="center" vertical="center" wrapText="1"/>
    </xf>
    <xf numFmtId="38" fontId="5" fillId="0" borderId="98" xfId="4" applyFont="1" applyFill="1" applyBorder="1"/>
    <xf numFmtId="37" fontId="6" fillId="0" borderId="29" xfId="2" applyFont="1" applyFill="1" applyBorder="1" applyAlignment="1">
      <alignment vertical="center" wrapText="1"/>
    </xf>
    <xf numFmtId="37" fontId="6" fillId="0" borderId="104" xfId="2" applyFont="1" applyBorder="1" applyAlignment="1">
      <alignment vertical="center" wrapText="1"/>
    </xf>
    <xf numFmtId="37" fontId="5" fillId="0" borderId="106" xfId="2" applyFont="1" applyBorder="1"/>
    <xf numFmtId="37" fontId="6" fillId="0" borderId="107" xfId="2" applyFont="1" applyFill="1" applyBorder="1"/>
    <xf numFmtId="37" fontId="6" fillId="0" borderId="38" xfId="2" applyFont="1" applyFill="1" applyBorder="1"/>
    <xf numFmtId="37" fontId="6" fillId="0" borderId="38" xfId="2" applyFont="1" applyBorder="1"/>
    <xf numFmtId="37" fontId="5" fillId="0" borderId="108" xfId="2" applyFont="1" applyBorder="1" applyAlignment="1">
      <alignment horizontal="center" vertical="center" shrinkToFit="1"/>
    </xf>
    <xf numFmtId="37" fontId="5" fillId="0" borderId="109" xfId="2" applyFont="1" applyBorder="1" applyAlignment="1">
      <alignment horizontal="center" vertical="center" shrinkToFit="1"/>
    </xf>
    <xf numFmtId="37" fontId="5" fillId="0" borderId="110" xfId="2" applyFont="1" applyBorder="1" applyAlignment="1">
      <alignment horizontal="center" vertical="center" shrinkToFit="1"/>
    </xf>
    <xf numFmtId="37" fontId="6" fillId="0" borderId="82" xfId="2" applyFont="1" applyBorder="1" applyAlignment="1" applyProtection="1">
      <alignment horizontal="left"/>
    </xf>
    <xf numFmtId="37" fontId="5" fillId="0" borderId="111" xfId="2" applyFont="1" applyFill="1" applyBorder="1" applyAlignment="1">
      <alignment vertical="center" wrapText="1"/>
    </xf>
    <xf numFmtId="37" fontId="6" fillId="0" borderId="49" xfId="2" applyFont="1" applyFill="1" applyBorder="1" applyAlignment="1">
      <alignment vertical="center"/>
    </xf>
    <xf numFmtId="37" fontId="6" fillId="0" borderId="10" xfId="2" applyFont="1" applyFill="1" applyBorder="1" applyAlignment="1">
      <alignment vertical="center"/>
    </xf>
    <xf numFmtId="37" fontId="6" fillId="0" borderId="10" xfId="2" applyFont="1" applyFill="1" applyBorder="1" applyAlignment="1">
      <alignment horizontal="center" vertical="center"/>
    </xf>
    <xf numFmtId="37" fontId="6" fillId="0" borderId="11" xfId="2" applyFont="1" applyFill="1" applyBorder="1" applyAlignment="1">
      <alignment horizontal="center" vertical="center"/>
    </xf>
    <xf numFmtId="37" fontId="6" fillId="0" borderId="31" xfId="2" applyFont="1" applyFill="1" applyBorder="1" applyAlignment="1" applyProtection="1">
      <alignment horizontal="left" vertical="center"/>
    </xf>
    <xf numFmtId="37" fontId="6" fillId="0" borderId="10" xfId="2" quotePrefix="1" applyFont="1" applyFill="1" applyBorder="1" applyAlignment="1">
      <alignment horizontal="center" vertical="center"/>
    </xf>
    <xf numFmtId="37" fontId="5" fillId="0" borderId="111" xfId="2" quotePrefix="1" applyFont="1" applyFill="1" applyBorder="1" applyAlignment="1">
      <alignment vertical="center" wrapText="1"/>
    </xf>
    <xf numFmtId="37" fontId="5" fillId="0" borderId="97" xfId="2" applyFont="1" applyFill="1" applyBorder="1" applyAlignment="1">
      <alignment vertical="center" wrapText="1"/>
    </xf>
    <xf numFmtId="37" fontId="6" fillId="0" borderId="51" xfId="2" applyFont="1" applyFill="1" applyBorder="1" applyAlignment="1">
      <alignment vertical="center"/>
    </xf>
    <xf numFmtId="37" fontId="6" fillId="0" borderId="48" xfId="2" applyFont="1" applyFill="1" applyBorder="1" applyAlignment="1">
      <alignment vertical="center"/>
    </xf>
    <xf numFmtId="37" fontId="6" fillId="0" borderId="48" xfId="2" applyFont="1" applyFill="1" applyBorder="1" applyAlignment="1">
      <alignment horizontal="center" vertical="center"/>
    </xf>
    <xf numFmtId="37" fontId="5" fillId="0" borderId="116" xfId="2" quotePrefix="1" applyFont="1" applyFill="1" applyBorder="1" applyAlignment="1">
      <alignment vertical="center" wrapText="1"/>
    </xf>
    <xf numFmtId="37" fontId="6" fillId="0" borderId="30" xfId="2" applyFont="1" applyFill="1" applyBorder="1" applyAlignment="1">
      <alignment vertical="center"/>
    </xf>
    <xf numFmtId="37" fontId="6" fillId="0" borderId="29" xfId="2" applyFont="1" applyFill="1" applyBorder="1" applyAlignment="1">
      <alignment vertical="center"/>
    </xf>
    <xf numFmtId="37" fontId="6" fillId="0" borderId="29" xfId="2" applyFont="1" applyFill="1" applyBorder="1" applyAlignment="1">
      <alignment horizontal="center" vertical="center"/>
    </xf>
    <xf numFmtId="37" fontId="6" fillId="0" borderId="50" xfId="2" applyFont="1" applyFill="1" applyBorder="1" applyAlignment="1" applyProtection="1">
      <alignment horizontal="left" vertical="center"/>
    </xf>
    <xf numFmtId="37" fontId="5" fillId="0" borderId="97" xfId="2" quotePrefix="1" applyFont="1" applyFill="1" applyBorder="1" applyAlignment="1">
      <alignment vertical="center" wrapText="1"/>
    </xf>
    <xf numFmtId="37" fontId="6" fillId="0" borderId="10" xfId="2" applyFont="1" applyBorder="1" applyAlignment="1">
      <alignment horizontal="center" vertical="center"/>
    </xf>
    <xf numFmtId="37" fontId="6" fillId="0" borderId="15" xfId="2" applyFont="1" applyFill="1" applyBorder="1" applyAlignment="1">
      <alignment horizontal="center" vertical="center"/>
    </xf>
    <xf numFmtId="37" fontId="6" fillId="0" borderId="26" xfId="2" applyFont="1" applyFill="1" applyBorder="1" applyAlignment="1" applyProtection="1">
      <alignment horizontal="left" vertical="center"/>
    </xf>
    <xf numFmtId="37" fontId="6" fillId="0" borderId="10" xfId="2" applyFont="1" applyFill="1" applyBorder="1" applyAlignment="1">
      <alignment horizontal="right" vertical="center" wrapText="1"/>
    </xf>
    <xf numFmtId="37" fontId="6" fillId="0" borderId="31" xfId="2" applyFont="1" applyBorder="1" applyAlignment="1" applyProtection="1">
      <alignment horizontal="left" vertical="center"/>
    </xf>
    <xf numFmtId="37" fontId="5" fillId="0" borderId="106" xfId="2" applyFont="1" applyBorder="1" applyAlignment="1" applyProtection="1">
      <alignment vertical="center" wrapText="1"/>
    </xf>
    <xf numFmtId="37" fontId="6" fillId="0" borderId="40" xfId="2" applyFont="1" applyFill="1" applyBorder="1" applyAlignment="1" applyProtection="1">
      <alignment horizontal="center" vertical="center" wrapText="1"/>
    </xf>
    <xf numFmtId="37" fontId="6" fillId="0" borderId="33" xfId="2" applyFont="1" applyFill="1" applyBorder="1" applyAlignment="1" applyProtection="1">
      <alignment horizontal="center"/>
    </xf>
    <xf numFmtId="37" fontId="6" fillId="0" borderId="32" xfId="2" applyFont="1" applyBorder="1" applyAlignment="1" applyProtection="1">
      <alignment horizontal="center" vertical="center"/>
    </xf>
    <xf numFmtId="37" fontId="6" fillId="0" borderId="11" xfId="2" applyFont="1" applyFill="1" applyBorder="1" applyAlignment="1">
      <alignment horizontal="centerContinuous"/>
    </xf>
    <xf numFmtId="37" fontId="6" fillId="0" borderId="11" xfId="2" applyFont="1" applyFill="1" applyBorder="1" applyAlignment="1" applyProtection="1">
      <alignment horizontal="centerContinuous"/>
    </xf>
    <xf numFmtId="37" fontId="6" fillId="0" borderId="10" xfId="2" applyFont="1" applyFill="1" applyBorder="1" applyAlignment="1" applyProtection="1">
      <alignment horizontal="centerContinuous"/>
    </xf>
    <xf numFmtId="37" fontId="6" fillId="0" borderId="1" xfId="2" applyFont="1" applyBorder="1" applyAlignment="1" applyProtection="1">
      <alignment horizontal="center" vertical="center"/>
    </xf>
    <xf numFmtId="37" fontId="6" fillId="0" borderId="59" xfId="2" applyFont="1" applyBorder="1"/>
    <xf numFmtId="37" fontId="6" fillId="0" borderId="59" xfId="2" applyFont="1" applyFill="1" applyBorder="1" applyAlignment="1" applyProtection="1">
      <alignment horizontal="left"/>
    </xf>
    <xf numFmtId="37" fontId="14" fillId="0" borderId="59" xfId="2" applyFont="1" applyBorder="1" applyProtection="1"/>
    <xf numFmtId="37" fontId="6" fillId="0" borderId="0" xfId="2" applyFont="1" applyAlignment="1">
      <alignment wrapText="1"/>
    </xf>
    <xf numFmtId="37" fontId="6" fillId="0" borderId="0" xfId="2" applyFont="1" applyBorder="1"/>
    <xf numFmtId="37" fontId="6" fillId="0" borderId="0" xfId="2" applyFont="1" applyFill="1" applyBorder="1"/>
    <xf numFmtId="37" fontId="2" fillId="0" borderId="0" xfId="2" applyFont="1" applyFill="1" applyBorder="1"/>
    <xf numFmtId="0" fontId="2" fillId="2" borderId="0" xfId="5" applyFont="1" applyFill="1" applyBorder="1" applyProtection="1"/>
    <xf numFmtId="0" fontId="2" fillId="2" borderId="0" xfId="5" applyFont="1" applyFill="1"/>
    <xf numFmtId="0" fontId="2" fillId="0" borderId="0" xfId="5" applyFont="1" applyFill="1" applyBorder="1" applyProtection="1"/>
    <xf numFmtId="0" fontId="6" fillId="2" borderId="0" xfId="5" applyFont="1" applyFill="1" applyBorder="1" applyAlignment="1" applyProtection="1">
      <alignment horizontal="right"/>
    </xf>
    <xf numFmtId="0" fontId="2" fillId="2" borderId="0" xfId="5" applyFont="1" applyFill="1" applyBorder="1" applyAlignment="1" applyProtection="1">
      <alignment horizontal="centerContinuous" vertical="center"/>
    </xf>
    <xf numFmtId="0" fontId="2" fillId="2" borderId="0" xfId="5" applyFont="1" applyFill="1" applyBorder="1" applyAlignment="1" applyProtection="1">
      <alignment horizontal="right"/>
    </xf>
    <xf numFmtId="0" fontId="2" fillId="0" borderId="0" xfId="5" applyFont="1" applyFill="1"/>
    <xf numFmtId="0" fontId="5" fillId="2" borderId="0" xfId="5" applyFont="1" applyFill="1" applyBorder="1" applyProtection="1"/>
    <xf numFmtId="0" fontId="5" fillId="2" borderId="0" xfId="5" applyFont="1" applyFill="1"/>
    <xf numFmtId="0" fontId="5" fillId="0" borderId="0" xfId="5" applyFont="1" applyFill="1" applyBorder="1" applyProtection="1"/>
    <xf numFmtId="0" fontId="5" fillId="2" borderId="0" xfId="5" applyFont="1" applyFill="1" applyBorder="1" applyAlignment="1" applyProtection="1">
      <alignment horizontal="centerContinuous" vertical="center"/>
    </xf>
    <xf numFmtId="0" fontId="5" fillId="2" borderId="0" xfId="5" applyFont="1" applyFill="1" applyBorder="1" applyAlignment="1" applyProtection="1">
      <alignment horizontal="right"/>
    </xf>
    <xf numFmtId="0" fontId="5" fillId="0" borderId="0" xfId="5" applyFont="1" applyFill="1"/>
    <xf numFmtId="0" fontId="5" fillId="0" borderId="0" xfId="5" applyFont="1" applyFill="1" applyBorder="1" applyAlignment="1" applyProtection="1">
      <alignment horizontal="right"/>
    </xf>
    <xf numFmtId="0" fontId="6" fillId="2" borderId="6" xfId="5" applyFont="1" applyFill="1" applyBorder="1" applyAlignment="1" applyProtection="1">
      <alignment horizontal="centerContinuous" vertical="center"/>
    </xf>
    <xf numFmtId="0" fontId="6" fillId="2" borderId="68" xfId="5" applyFont="1" applyFill="1" applyBorder="1" applyAlignment="1" applyProtection="1">
      <alignment horizontal="centerContinuous" vertical="center"/>
    </xf>
    <xf numFmtId="0" fontId="6" fillId="2" borderId="125" xfId="5" applyFont="1" applyFill="1" applyBorder="1" applyAlignment="1" applyProtection="1">
      <alignment horizontal="centerContinuous" vertical="center"/>
    </xf>
    <xf numFmtId="0" fontId="6" fillId="2" borderId="7" xfId="5" applyFont="1" applyFill="1" applyBorder="1" applyAlignment="1" applyProtection="1">
      <alignment horizontal="centerContinuous" vertical="center"/>
    </xf>
    <xf numFmtId="0" fontId="5" fillId="0" borderId="0" xfId="5" applyFont="1" applyFill="1" applyAlignment="1">
      <alignment vertical="center"/>
    </xf>
    <xf numFmtId="0" fontId="6" fillId="2" borderId="130" xfId="5" applyFont="1" applyFill="1" applyBorder="1" applyAlignment="1" applyProtection="1">
      <alignment horizontal="centerContinuous" vertical="center"/>
    </xf>
    <xf numFmtId="0" fontId="6" fillId="2" borderId="131" xfId="5" applyFont="1" applyFill="1" applyBorder="1" applyAlignment="1" applyProtection="1">
      <alignment horizontal="centerContinuous" vertical="center"/>
    </xf>
    <xf numFmtId="0" fontId="6" fillId="2" borderId="132" xfId="5" applyFont="1" applyFill="1" applyBorder="1" applyAlignment="1" applyProtection="1">
      <alignment horizontal="centerContinuous" vertical="center"/>
    </xf>
    <xf numFmtId="0" fontId="6" fillId="2" borderId="133" xfId="5" applyFont="1" applyFill="1" applyBorder="1" applyAlignment="1" applyProtection="1">
      <alignment horizontal="centerContinuous" vertical="center"/>
    </xf>
    <xf numFmtId="0" fontId="6" fillId="2" borderId="157" xfId="5" applyFont="1" applyFill="1" applyBorder="1" applyAlignment="1" applyProtection="1">
      <alignment horizontal="center" vertical="center"/>
    </xf>
    <xf numFmtId="0" fontId="6" fillId="2" borderId="156" xfId="5" applyFont="1" applyFill="1" applyBorder="1" applyAlignment="1" applyProtection="1">
      <alignment horizontal="center" vertical="center"/>
    </xf>
    <xf numFmtId="0" fontId="6" fillId="2" borderId="158" xfId="5" applyFont="1" applyFill="1" applyBorder="1" applyAlignment="1" applyProtection="1">
      <alignment horizontal="center" vertical="center"/>
    </xf>
    <xf numFmtId="0" fontId="6" fillId="2" borderId="159" xfId="5" applyFont="1" applyFill="1" applyBorder="1" applyAlignment="1" applyProtection="1">
      <alignment horizontal="center" vertical="center"/>
    </xf>
    <xf numFmtId="0" fontId="6" fillId="2" borderId="160" xfId="5" applyFont="1" applyFill="1" applyBorder="1" applyAlignment="1" applyProtection="1">
      <alignment horizontal="center" vertical="center"/>
    </xf>
    <xf numFmtId="0" fontId="6" fillId="2" borderId="161" xfId="5" applyFont="1" applyFill="1" applyBorder="1" applyAlignment="1" applyProtection="1">
      <alignment horizontal="center" vertical="center"/>
    </xf>
    <xf numFmtId="0" fontId="6" fillId="2" borderId="162" xfId="5" applyFont="1" applyFill="1" applyBorder="1" applyAlignment="1" applyProtection="1">
      <alignment horizontal="center" vertical="center"/>
    </xf>
    <xf numFmtId="0" fontId="6" fillId="2" borderId="163" xfId="5" applyFont="1" applyFill="1" applyBorder="1" applyAlignment="1" applyProtection="1">
      <alignment horizontal="center" vertical="center"/>
    </xf>
    <xf numFmtId="0" fontId="6" fillId="2" borderId="164" xfId="5" applyFont="1" applyFill="1" applyBorder="1" applyAlignment="1" applyProtection="1">
      <alignment horizontal="center" vertical="center"/>
    </xf>
    <xf numFmtId="0" fontId="6" fillId="2" borderId="166" xfId="5" applyFont="1" applyFill="1" applyBorder="1" applyAlignment="1" applyProtection="1">
      <alignment horizontal="center" vertical="center"/>
    </xf>
    <xf numFmtId="0" fontId="6" fillId="2" borderId="167" xfId="5" applyFont="1" applyFill="1" applyBorder="1" applyAlignment="1" applyProtection="1">
      <alignment horizontal="center" vertical="center"/>
    </xf>
    <xf numFmtId="0" fontId="6" fillId="2" borderId="168" xfId="5" applyFont="1" applyFill="1" applyBorder="1" applyAlignment="1" applyProtection="1">
      <alignment horizontal="center" vertical="center"/>
    </xf>
    <xf numFmtId="0" fontId="6" fillId="2" borderId="39" xfId="5" applyFont="1" applyFill="1" applyBorder="1" applyAlignment="1" applyProtection="1">
      <alignment horizontal="center" vertical="center"/>
    </xf>
    <xf numFmtId="0" fontId="6" fillId="2" borderId="169" xfId="5" applyFont="1" applyFill="1" applyBorder="1" applyAlignment="1" applyProtection="1">
      <alignment horizontal="center" vertical="center"/>
    </xf>
    <xf numFmtId="0" fontId="6" fillId="2" borderId="171" xfId="5" applyFont="1" applyFill="1" applyBorder="1" applyAlignment="1" applyProtection="1">
      <alignment horizontal="center" vertical="center"/>
    </xf>
    <xf numFmtId="0" fontId="6" fillId="2" borderId="172" xfId="5" applyFont="1" applyFill="1" applyBorder="1" applyAlignment="1" applyProtection="1">
      <alignment horizontal="center" vertical="center"/>
    </xf>
    <xf numFmtId="0" fontId="6" fillId="0" borderId="158" xfId="5" applyFont="1" applyFill="1" applyBorder="1" applyAlignment="1" applyProtection="1">
      <alignment horizontal="center" vertical="center"/>
    </xf>
    <xf numFmtId="0" fontId="6" fillId="0" borderId="157" xfId="5" applyFont="1" applyFill="1" applyBorder="1" applyAlignment="1" applyProtection="1">
      <alignment horizontal="center" vertical="center"/>
    </xf>
    <xf numFmtId="0" fontId="6" fillId="0" borderId="161" xfId="5" applyFont="1" applyFill="1" applyBorder="1" applyAlignment="1" applyProtection="1">
      <alignment horizontal="center" vertical="center"/>
    </xf>
    <xf numFmtId="0" fontId="6" fillId="0" borderId="155" xfId="5" applyFont="1" applyFill="1" applyBorder="1" applyAlignment="1" applyProtection="1">
      <alignment horizontal="center" vertical="center"/>
    </xf>
    <xf numFmtId="0" fontId="6" fillId="0" borderId="173" xfId="5" applyFont="1" applyFill="1" applyBorder="1" applyAlignment="1" applyProtection="1">
      <alignment horizontal="center" vertical="center"/>
    </xf>
    <xf numFmtId="0" fontId="6" fillId="2" borderId="26" xfId="5" applyFont="1" applyFill="1" applyBorder="1" applyAlignment="1" applyProtection="1"/>
    <xf numFmtId="37" fontId="15" fillId="2" borderId="174" xfId="7" applyFont="1" applyFill="1" applyBorder="1" applyAlignment="1" applyProtection="1">
      <alignment horizontal="left"/>
    </xf>
    <xf numFmtId="38" fontId="6" fillId="2" borderId="149" xfId="6" quotePrefix="1" applyFont="1" applyFill="1" applyBorder="1" applyAlignment="1" applyProtection="1">
      <protection locked="0"/>
    </xf>
    <xf numFmtId="38" fontId="6" fillId="2" borderId="175" xfId="6" quotePrefix="1" applyFont="1" applyFill="1" applyBorder="1" applyAlignment="1" applyProtection="1">
      <protection locked="0"/>
    </xf>
    <xf numFmtId="38" fontId="6" fillId="2" borderId="144" xfId="6" quotePrefix="1" applyFont="1" applyFill="1" applyBorder="1" applyAlignment="1" applyProtection="1"/>
    <xf numFmtId="38" fontId="6" fillId="2" borderId="149" xfId="6" quotePrefix="1" applyFont="1" applyFill="1" applyBorder="1" applyAlignment="1" applyProtection="1"/>
    <xf numFmtId="38" fontId="6" fillId="2" borderId="149" xfId="6" applyFont="1" applyFill="1" applyBorder="1" applyAlignment="1" applyProtection="1"/>
    <xf numFmtId="38" fontId="6" fillId="2" borderId="176" xfId="6" applyFont="1" applyFill="1" applyBorder="1" applyAlignment="1" applyProtection="1"/>
    <xf numFmtId="0" fontId="6" fillId="0" borderId="26" xfId="5" applyFont="1" applyFill="1" applyBorder="1" applyAlignment="1" applyProtection="1"/>
    <xf numFmtId="37" fontId="15" fillId="0" borderId="54" xfId="7" applyFont="1" applyFill="1" applyBorder="1" applyAlignment="1" applyProtection="1">
      <alignment horizontal="left"/>
    </xf>
    <xf numFmtId="38" fontId="6" fillId="2" borderId="177" xfId="6" applyFont="1" applyFill="1" applyBorder="1" applyAlignment="1" applyProtection="1"/>
    <xf numFmtId="37" fontId="15" fillId="0" borderId="178" xfId="7" applyFont="1" applyFill="1" applyBorder="1" applyAlignment="1" applyProtection="1">
      <alignment horizontal="left"/>
    </xf>
    <xf numFmtId="38" fontId="6" fillId="2" borderId="144" xfId="6" applyFont="1" applyFill="1" applyBorder="1" applyAlignment="1" applyProtection="1"/>
    <xf numFmtId="38" fontId="6" fillId="2" borderId="179" xfId="6" applyFont="1" applyFill="1" applyBorder="1" applyAlignment="1" applyProtection="1"/>
    <xf numFmtId="38" fontId="6" fillId="2" borderId="175" xfId="6" applyFont="1" applyFill="1" applyBorder="1" applyAlignment="1" applyProtection="1"/>
    <xf numFmtId="38" fontId="6" fillId="2" borderId="143" xfId="6" quotePrefix="1" applyFont="1" applyFill="1" applyBorder="1" applyAlignment="1" applyProtection="1"/>
    <xf numFmtId="38" fontId="6" fillId="2" borderId="177" xfId="6" quotePrefix="1" applyFont="1" applyFill="1" applyBorder="1" applyAlignment="1" applyProtection="1"/>
    <xf numFmtId="37" fontId="6" fillId="0" borderId="180" xfId="7" applyFont="1" applyFill="1" applyBorder="1" applyAlignment="1" applyProtection="1">
      <alignment horizontal="left"/>
    </xf>
    <xf numFmtId="178" fontId="6" fillId="0" borderId="181" xfId="5" applyNumberFormat="1" applyFont="1" applyBorder="1" applyAlignment="1">
      <alignment vertical="center"/>
    </xf>
    <xf numFmtId="178" fontId="6" fillId="0" borderId="176" xfId="5" applyNumberFormat="1" applyFont="1" applyBorder="1" applyAlignment="1">
      <alignment vertical="center"/>
    </xf>
    <xf numFmtId="38" fontId="6" fillId="0" borderId="154" xfId="6" applyFont="1" applyFill="1" applyBorder="1" applyAlignment="1" applyProtection="1"/>
    <xf numFmtId="38" fontId="6" fillId="0" borderId="177" xfId="6" applyFont="1" applyFill="1" applyBorder="1" applyAlignment="1" applyProtection="1"/>
    <xf numFmtId="38" fontId="5" fillId="0" borderId="0" xfId="5" applyNumberFormat="1" applyFont="1" applyFill="1" applyAlignment="1">
      <alignment vertical="center"/>
    </xf>
    <xf numFmtId="37" fontId="15" fillId="2" borderId="150" xfId="7" applyFont="1" applyFill="1" applyBorder="1" applyAlignment="1" applyProtection="1">
      <alignment horizontal="left"/>
    </xf>
    <xf numFmtId="38" fontId="6" fillId="2" borderId="48" xfId="6" applyFont="1" applyFill="1" applyBorder="1" applyAlignment="1" applyProtection="1"/>
    <xf numFmtId="38" fontId="6" fillId="2" borderId="51" xfId="6" applyFont="1" applyFill="1" applyBorder="1" applyAlignment="1" applyProtection="1"/>
    <xf numFmtId="37" fontId="6" fillId="0" borderId="10" xfId="7" applyFont="1" applyFill="1" applyBorder="1" applyAlignment="1" applyProtection="1">
      <alignment horizontal="left"/>
    </xf>
    <xf numFmtId="178" fontId="6" fillId="0" borderId="182" xfId="5" applyNumberFormat="1" applyFont="1" applyBorder="1" applyAlignment="1">
      <alignment vertical="center"/>
    </xf>
    <xf numFmtId="178" fontId="6" fillId="0" borderId="183" xfId="5" applyNumberFormat="1" applyFont="1" applyBorder="1" applyAlignment="1">
      <alignment vertical="center"/>
    </xf>
    <xf numFmtId="38" fontId="6" fillId="0" borderId="184" xfId="6" applyFont="1" applyFill="1" applyBorder="1" applyAlignment="1" applyProtection="1"/>
    <xf numFmtId="38" fontId="6" fillId="0" borderId="183" xfId="6" applyFont="1" applyFill="1" applyBorder="1" applyAlignment="1" applyProtection="1"/>
    <xf numFmtId="37" fontId="15" fillId="0" borderId="10" xfId="7" applyFont="1" applyFill="1" applyBorder="1" applyAlignment="1" applyProtection="1">
      <alignment horizontal="left"/>
    </xf>
    <xf numFmtId="0" fontId="6" fillId="0" borderId="9" xfId="5" applyFont="1" applyFill="1" applyBorder="1" applyAlignment="1" applyProtection="1"/>
    <xf numFmtId="0" fontId="6" fillId="2" borderId="9" xfId="5" applyFont="1" applyFill="1" applyBorder="1" applyAlignment="1" applyProtection="1"/>
    <xf numFmtId="37" fontId="15" fillId="2" borderId="185" xfId="7" applyFont="1" applyFill="1" applyBorder="1" applyAlignment="1" applyProtection="1">
      <alignment horizontal="left"/>
    </xf>
    <xf numFmtId="38" fontId="6" fillId="2" borderId="186" xfId="6" quotePrefix="1" applyFont="1" applyFill="1" applyBorder="1" applyAlignment="1" applyProtection="1">
      <protection locked="0"/>
    </xf>
    <xf numFmtId="38" fontId="6" fillId="2" borderId="187" xfId="6" quotePrefix="1" applyFont="1" applyFill="1" applyBorder="1" applyAlignment="1" applyProtection="1">
      <protection locked="0"/>
    </xf>
    <xf numFmtId="38" fontId="6" fillId="2" borderId="15" xfId="6" quotePrefix="1" applyFont="1" applyFill="1" applyBorder="1" applyAlignment="1" applyProtection="1"/>
    <xf numFmtId="38" fontId="6" fillId="2" borderId="186" xfId="6" quotePrefix="1" applyFont="1" applyFill="1" applyBorder="1" applyAlignment="1" applyProtection="1"/>
    <xf numFmtId="38" fontId="6" fillId="2" borderId="186" xfId="6" applyFont="1" applyFill="1" applyBorder="1" applyAlignment="1" applyProtection="1"/>
    <xf numFmtId="38" fontId="6" fillId="2" borderId="188" xfId="6" applyFont="1" applyFill="1" applyBorder="1" applyAlignment="1" applyProtection="1"/>
    <xf numFmtId="37" fontId="15" fillId="0" borderId="29" xfId="7" applyFont="1" applyFill="1" applyBorder="1" applyAlignment="1" applyProtection="1">
      <alignment horizontal="left"/>
    </xf>
    <xf numFmtId="38" fontId="6" fillId="2" borderId="24" xfId="6" applyFont="1" applyFill="1" applyBorder="1" applyAlignment="1" applyProtection="1"/>
    <xf numFmtId="38" fontId="6" fillId="2" borderId="25" xfId="6" applyFont="1" applyFill="1" applyBorder="1" applyAlignment="1" applyProtection="1"/>
    <xf numFmtId="38" fontId="6" fillId="2" borderId="15" xfId="6" applyFont="1" applyFill="1" applyBorder="1" applyAlignment="1" applyProtection="1"/>
    <xf numFmtId="38" fontId="6" fillId="2" borderId="187" xfId="6" applyFont="1" applyFill="1" applyBorder="1" applyAlignment="1" applyProtection="1"/>
    <xf numFmtId="38" fontId="6" fillId="2" borderId="0" xfId="6" quotePrefix="1" applyFont="1" applyFill="1" applyBorder="1" applyAlignment="1" applyProtection="1"/>
    <xf numFmtId="38" fontId="6" fillId="2" borderId="188" xfId="6" quotePrefix="1" applyFont="1" applyFill="1" applyBorder="1" applyAlignment="1" applyProtection="1"/>
    <xf numFmtId="37" fontId="15" fillId="0" borderId="15" xfId="7" applyFont="1" applyFill="1" applyBorder="1" applyAlignment="1" applyProtection="1">
      <alignment horizontal="left"/>
    </xf>
    <xf numFmtId="38" fontId="6" fillId="0" borderId="26" xfId="6" applyFont="1" applyFill="1" applyBorder="1" applyAlignment="1" applyProtection="1"/>
    <xf numFmtId="38" fontId="6" fillId="0" borderId="188" xfId="6" applyFont="1" applyFill="1" applyBorder="1" applyAlignment="1" applyProtection="1"/>
    <xf numFmtId="37" fontId="15" fillId="2" borderId="189" xfId="7" applyFont="1" applyFill="1" applyBorder="1" applyAlignment="1" applyProtection="1">
      <alignment horizontal="left"/>
    </xf>
    <xf numFmtId="38" fontId="6" fillId="2" borderId="190" xfId="6" quotePrefix="1" applyFont="1" applyFill="1" applyBorder="1" applyAlignment="1" applyProtection="1">
      <protection locked="0"/>
    </xf>
    <xf numFmtId="38" fontId="6" fillId="2" borderId="191" xfId="6" quotePrefix="1" applyFont="1" applyFill="1" applyBorder="1" applyAlignment="1" applyProtection="1">
      <protection locked="0"/>
    </xf>
    <xf numFmtId="38" fontId="6" fillId="2" borderId="18" xfId="6" quotePrefix="1" applyFont="1" applyFill="1" applyBorder="1" applyAlignment="1" applyProtection="1"/>
    <xf numFmtId="38" fontId="6" fillId="2" borderId="190" xfId="6" quotePrefix="1" applyFont="1" applyFill="1" applyBorder="1" applyAlignment="1" applyProtection="1"/>
    <xf numFmtId="38" fontId="6" fillId="2" borderId="190" xfId="6" applyFont="1" applyFill="1" applyBorder="1" applyAlignment="1" applyProtection="1"/>
    <xf numFmtId="38" fontId="6" fillId="2" borderId="192" xfId="6" applyFont="1" applyFill="1" applyBorder="1" applyAlignment="1" applyProtection="1"/>
    <xf numFmtId="37" fontId="15" fillId="0" borderId="48" xfId="7" applyFont="1" applyFill="1" applyBorder="1" applyAlignment="1" applyProtection="1">
      <alignment horizontal="left"/>
    </xf>
    <xf numFmtId="38" fontId="6" fillId="2" borderId="18" xfId="6" applyFont="1" applyFill="1" applyBorder="1" applyAlignment="1" applyProtection="1"/>
    <xf numFmtId="38" fontId="6" fillId="2" borderId="191" xfId="6" applyFont="1" applyFill="1" applyBorder="1" applyAlignment="1" applyProtection="1"/>
    <xf numFmtId="38" fontId="6" fillId="2" borderId="19" xfId="6" quotePrefix="1" applyFont="1" applyFill="1" applyBorder="1" applyAlignment="1" applyProtection="1"/>
    <xf numFmtId="38" fontId="6" fillId="2" borderId="192" xfId="6" quotePrefix="1" applyFont="1" applyFill="1" applyBorder="1" applyAlignment="1" applyProtection="1"/>
    <xf numFmtId="37" fontId="15" fillId="0" borderId="18" xfId="7" applyFont="1" applyFill="1" applyBorder="1" applyAlignment="1" applyProtection="1">
      <alignment horizontal="left"/>
    </xf>
    <xf numFmtId="38" fontId="6" fillId="0" borderId="53" xfId="6" applyFont="1" applyFill="1" applyBorder="1" applyAlignment="1" applyProtection="1"/>
    <xf numFmtId="38" fontId="6" fillId="0" borderId="192" xfId="6" applyFont="1" applyFill="1" applyBorder="1" applyAlignment="1" applyProtection="1"/>
    <xf numFmtId="38" fontId="6" fillId="2" borderId="193" xfId="6" applyFont="1" applyFill="1" applyBorder="1" applyAlignment="1" applyProtection="1"/>
    <xf numFmtId="38" fontId="6" fillId="2" borderId="54" xfId="6" applyFont="1" applyFill="1" applyBorder="1" applyAlignment="1" applyProtection="1"/>
    <xf numFmtId="38" fontId="6" fillId="2" borderId="49" xfId="6" applyFont="1" applyFill="1" applyBorder="1" applyAlignment="1" applyProtection="1"/>
    <xf numFmtId="0" fontId="6" fillId="2" borderId="82" xfId="5" applyFont="1" applyFill="1" applyBorder="1" applyAlignment="1" applyProtection="1"/>
    <xf numFmtId="37" fontId="15" fillId="2" borderId="194" xfId="7" applyFont="1" applyFill="1" applyBorder="1" applyAlignment="1" applyProtection="1">
      <alignment horizontal="left"/>
    </xf>
    <xf numFmtId="38" fontId="6" fillId="2" borderId="195" xfId="6" quotePrefix="1" applyFont="1" applyFill="1" applyBorder="1" applyAlignment="1" applyProtection="1">
      <protection locked="0"/>
    </xf>
    <xf numFmtId="38" fontId="6" fillId="2" borderId="196" xfId="6" quotePrefix="1" applyFont="1" applyFill="1" applyBorder="1" applyAlignment="1" applyProtection="1">
      <protection locked="0"/>
    </xf>
    <xf numFmtId="38" fontId="6" fillId="2" borderId="33" xfId="6" quotePrefix="1" applyFont="1" applyFill="1" applyBorder="1" applyAlignment="1" applyProtection="1"/>
    <xf numFmtId="38" fontId="6" fillId="2" borderId="195" xfId="6" quotePrefix="1" applyFont="1" applyFill="1" applyBorder="1" applyAlignment="1" applyProtection="1"/>
    <xf numFmtId="38" fontId="6" fillId="2" borderId="195" xfId="6" applyFont="1" applyFill="1" applyBorder="1" applyAlignment="1" applyProtection="1"/>
    <xf numFmtId="38" fontId="6" fillId="2" borderId="197" xfId="6" applyFont="1" applyFill="1" applyBorder="1" applyAlignment="1" applyProtection="1"/>
    <xf numFmtId="0" fontId="6" fillId="0" borderId="82" xfId="5" applyFont="1" applyFill="1" applyBorder="1" applyAlignment="1" applyProtection="1"/>
    <xf numFmtId="37" fontId="15" fillId="0" borderId="34" xfId="7" applyFont="1" applyFill="1" applyBorder="1" applyAlignment="1" applyProtection="1">
      <alignment horizontal="left"/>
    </xf>
    <xf numFmtId="38" fontId="6" fillId="2" borderId="198" xfId="6" applyFont="1" applyFill="1" applyBorder="1" applyAlignment="1" applyProtection="1"/>
    <xf numFmtId="38" fontId="6" fillId="2" borderId="33" xfId="6" applyFont="1" applyFill="1" applyBorder="1" applyAlignment="1" applyProtection="1"/>
    <xf numFmtId="38" fontId="6" fillId="2" borderId="39" xfId="6" applyFont="1" applyFill="1" applyBorder="1" applyAlignment="1" applyProtection="1"/>
    <xf numFmtId="38" fontId="6" fillId="2" borderId="199" xfId="6" applyFont="1" applyFill="1" applyBorder="1" applyAlignment="1" applyProtection="1"/>
    <xf numFmtId="38" fontId="6" fillId="2" borderId="38" xfId="6" quotePrefix="1" applyFont="1" applyFill="1" applyBorder="1" applyAlignment="1" applyProtection="1"/>
    <xf numFmtId="38" fontId="6" fillId="2" borderId="197" xfId="6" quotePrefix="1" applyFont="1" applyFill="1" applyBorder="1" applyAlignment="1" applyProtection="1"/>
    <xf numFmtId="37" fontId="15" fillId="0" borderId="33" xfId="7" applyFont="1" applyFill="1" applyBorder="1" applyAlignment="1" applyProtection="1">
      <alignment horizontal="left"/>
    </xf>
    <xf numFmtId="178" fontId="6" fillId="0" borderId="198" xfId="5" applyNumberFormat="1" applyFont="1" applyBorder="1" applyAlignment="1">
      <alignment vertical="center"/>
    </xf>
    <xf numFmtId="178" fontId="6" fillId="0" borderId="200" xfId="5" applyNumberFormat="1" applyFont="1" applyBorder="1" applyAlignment="1">
      <alignment vertical="center"/>
    </xf>
    <xf numFmtId="38" fontId="6" fillId="0" borderId="82" xfId="6" applyFont="1" applyFill="1" applyBorder="1" applyAlignment="1" applyProtection="1"/>
    <xf numFmtId="38" fontId="6" fillId="0" borderId="197" xfId="6" applyFont="1" applyFill="1" applyBorder="1" applyAlignment="1" applyProtection="1"/>
    <xf numFmtId="38" fontId="6" fillId="2" borderId="202" xfId="6" quotePrefix="1" applyFont="1" applyFill="1" applyBorder="1" applyAlignment="1" applyProtection="1">
      <alignment vertical="center"/>
      <protection locked="0"/>
    </xf>
    <xf numFmtId="38" fontId="6" fillId="2" borderId="203" xfId="6" quotePrefix="1" applyFont="1" applyFill="1" applyBorder="1" applyAlignment="1" applyProtection="1">
      <alignment vertical="center"/>
      <protection locked="0"/>
    </xf>
    <xf numFmtId="38" fontId="6" fillId="2" borderId="45" xfId="6" quotePrefix="1" applyFont="1" applyFill="1" applyBorder="1" applyAlignment="1" applyProtection="1"/>
    <xf numFmtId="38" fontId="6" fillId="2" borderId="87" xfId="6" quotePrefix="1" applyFont="1" applyFill="1" applyBorder="1" applyAlignment="1" applyProtection="1"/>
    <xf numFmtId="38" fontId="6" fillId="0" borderId="45" xfId="6" quotePrefix="1" applyFont="1" applyFill="1" applyBorder="1" applyAlignment="1" applyProtection="1"/>
    <xf numFmtId="38" fontId="6" fillId="0" borderId="87" xfId="6" quotePrefix="1" applyFont="1" applyFill="1" applyBorder="1" applyAlignment="1" applyProtection="1"/>
    <xf numFmtId="38" fontId="6" fillId="0" borderId="43" xfId="6" quotePrefix="1" applyFont="1" applyFill="1" applyBorder="1" applyAlignment="1" applyProtection="1"/>
    <xf numFmtId="38" fontId="6" fillId="2" borderId="88" xfId="6" applyFont="1" applyFill="1" applyBorder="1" applyAlignment="1" applyProtection="1">
      <alignment horizontal="left"/>
    </xf>
    <xf numFmtId="38" fontId="6" fillId="2" borderId="149" xfId="6" quotePrefix="1" applyFont="1" applyFill="1" applyBorder="1" applyAlignment="1" applyProtection="1">
      <alignment vertical="center"/>
      <protection locked="0"/>
    </xf>
    <xf numFmtId="38" fontId="6" fillId="0" borderId="88" xfId="6" applyFont="1" applyFill="1" applyBorder="1" applyAlignment="1" applyProtection="1">
      <alignment horizontal="left"/>
    </xf>
    <xf numFmtId="178" fontId="6" fillId="0" borderId="88" xfId="5" applyNumberFormat="1" applyFont="1" applyBorder="1" applyAlignment="1">
      <alignment vertical="center"/>
    </xf>
    <xf numFmtId="178" fontId="6" fillId="0" borderId="52" xfId="5" applyNumberFormat="1" applyFont="1" applyBorder="1" applyAlignment="1">
      <alignment vertical="center"/>
    </xf>
    <xf numFmtId="38" fontId="6" fillId="2" borderId="54" xfId="6" applyFont="1" applyFill="1" applyBorder="1" applyAlignment="1" applyProtection="1">
      <alignment horizontal="left"/>
    </xf>
    <xf numFmtId="38" fontId="6" fillId="0" borderId="54" xfId="6" applyFont="1" applyFill="1" applyBorder="1" applyAlignment="1" applyProtection="1">
      <alignment horizontal="left"/>
    </xf>
    <xf numFmtId="178" fontId="6" fillId="0" borderId="48" xfId="5" applyNumberFormat="1" applyFont="1" applyBorder="1" applyAlignment="1">
      <alignment vertical="center"/>
    </xf>
    <xf numFmtId="178" fontId="6" fillId="0" borderId="51" xfId="5" applyNumberFormat="1" applyFont="1" applyBorder="1" applyAlignment="1">
      <alignment vertical="center"/>
    </xf>
    <xf numFmtId="38" fontId="6" fillId="2" borderId="34" xfId="6" applyFont="1" applyFill="1" applyBorder="1" applyAlignment="1" applyProtection="1">
      <alignment horizontal="left"/>
    </xf>
    <xf numFmtId="38" fontId="6" fillId="0" borderId="34" xfId="6" applyFont="1" applyFill="1" applyBorder="1" applyAlignment="1" applyProtection="1">
      <alignment horizontal="left"/>
    </xf>
    <xf numFmtId="178" fontId="6" fillId="0" borderId="36" xfId="5" applyNumberFormat="1" applyFont="1" applyBorder="1" applyAlignment="1">
      <alignment vertical="center"/>
    </xf>
    <xf numFmtId="178" fontId="16" fillId="0" borderId="36" xfId="5" applyNumberFormat="1" applyFont="1" applyBorder="1" applyAlignment="1">
      <alignment vertical="center"/>
    </xf>
    <xf numFmtId="178" fontId="6" fillId="0" borderId="39" xfId="5" applyNumberFormat="1" applyFont="1" applyBorder="1" applyAlignment="1">
      <alignment vertical="center"/>
    </xf>
    <xf numFmtId="38" fontId="6" fillId="2" borderId="205" xfId="6" quotePrefix="1" applyFont="1" applyFill="1" applyBorder="1" applyAlignment="1" applyProtection="1">
      <alignment vertical="center"/>
      <protection locked="0"/>
    </xf>
    <xf numFmtId="38" fontId="6" fillId="2" borderId="206" xfId="6" quotePrefix="1" applyFont="1" applyFill="1" applyBorder="1" applyAlignment="1" applyProtection="1">
      <alignment vertical="center"/>
      <protection locked="0"/>
    </xf>
    <xf numFmtId="38" fontId="6" fillId="2" borderId="62" xfId="6" quotePrefix="1" applyFont="1" applyFill="1" applyBorder="1" applyAlignment="1" applyProtection="1"/>
    <xf numFmtId="38" fontId="6" fillId="2" borderId="63" xfId="6" quotePrefix="1" applyFont="1" applyFill="1" applyBorder="1" applyAlignment="1" applyProtection="1"/>
    <xf numFmtId="38" fontId="6" fillId="0" borderId="62" xfId="6" quotePrefix="1" applyFont="1" applyFill="1" applyBorder="1" applyAlignment="1" applyProtection="1"/>
    <xf numFmtId="38" fontId="6" fillId="0" borderId="63" xfId="6" quotePrefix="1" applyFont="1" applyFill="1" applyBorder="1" applyAlignment="1" applyProtection="1"/>
    <xf numFmtId="38" fontId="6" fillId="0" borderId="66" xfId="6" quotePrefix="1" applyFont="1" applyFill="1" applyBorder="1" applyAlignment="1" applyProtection="1"/>
    <xf numFmtId="0" fontId="5" fillId="2" borderId="0" xfId="5" applyFont="1" applyFill="1" applyAlignment="1">
      <alignment vertical="center"/>
    </xf>
    <xf numFmtId="0" fontId="5" fillId="2" borderId="0" xfId="5" applyFont="1" applyFill="1" applyAlignment="1"/>
    <xf numFmtId="38" fontId="6" fillId="2" borderId="0" xfId="6" applyFont="1" applyFill="1" applyAlignment="1">
      <alignment vertical="center"/>
    </xf>
    <xf numFmtId="38" fontId="6" fillId="2" borderId="0" xfId="6" applyFont="1" applyFill="1"/>
    <xf numFmtId="38" fontId="6" fillId="0" borderId="0" xfId="6" applyFont="1" applyFill="1"/>
    <xf numFmtId="0" fontId="2" fillId="2" borderId="0" xfId="5" applyFill="1" applyBorder="1" applyAlignment="1" applyProtection="1">
      <alignment horizontal="left"/>
    </xf>
    <xf numFmtId="0" fontId="2" fillId="2" borderId="0" xfId="5" applyFont="1" applyFill="1" applyBorder="1"/>
    <xf numFmtId="0" fontId="2" fillId="2" borderId="0" xfId="5" applyFill="1" applyAlignment="1" applyProtection="1">
      <alignment horizontal="left"/>
    </xf>
    <xf numFmtId="0" fontId="2" fillId="0" borderId="0" xfId="5" applyAlignment="1" applyProtection="1">
      <alignment horizontal="left"/>
    </xf>
    <xf numFmtId="0" fontId="2" fillId="0" borderId="0" xfId="5" applyFont="1" applyBorder="1"/>
    <xf numFmtId="0" fontId="2" fillId="2" borderId="0" xfId="5" applyFont="1" applyFill="1" applyBorder="1" applyAlignment="1" applyProtection="1">
      <alignment horizontal="left"/>
    </xf>
    <xf numFmtId="0" fontId="6" fillId="2" borderId="0" xfId="5" applyFont="1" applyFill="1" applyBorder="1" applyAlignment="1" applyProtection="1"/>
    <xf numFmtId="0" fontId="2" fillId="0" borderId="0" xfId="5" applyFont="1"/>
    <xf numFmtId="0" fontId="5" fillId="2" borderId="0" xfId="5" applyFont="1" applyFill="1" applyBorder="1" applyAlignment="1" applyProtection="1">
      <alignment horizontal="left"/>
    </xf>
    <xf numFmtId="0" fontId="5" fillId="2" borderId="0" xfId="5" applyFont="1" applyFill="1" applyBorder="1"/>
    <xf numFmtId="0" fontId="5" fillId="2" borderId="0" xfId="5" applyFont="1" applyFill="1" applyAlignment="1" applyProtection="1">
      <alignment horizontal="left"/>
    </xf>
    <xf numFmtId="0" fontId="5" fillId="0" borderId="0" xfId="5" applyFont="1" applyAlignment="1" applyProtection="1">
      <alignment horizontal="left"/>
    </xf>
    <xf numFmtId="0" fontId="5" fillId="0" borderId="0" xfId="5" applyFont="1" applyBorder="1"/>
    <xf numFmtId="0" fontId="6" fillId="2" borderId="59" xfId="5" applyFont="1" applyFill="1" applyBorder="1" applyAlignment="1" applyProtection="1">
      <alignment horizontal="right"/>
    </xf>
    <xf numFmtId="0" fontId="5" fillId="0" borderId="0" xfId="5" applyFont="1"/>
    <xf numFmtId="0" fontId="6" fillId="2" borderId="6" xfId="5" applyFont="1" applyFill="1" applyBorder="1" applyAlignment="1" applyProtection="1"/>
    <xf numFmtId="0" fontId="6" fillId="2" borderId="125" xfId="5" applyFont="1" applyFill="1" applyBorder="1" applyAlignment="1" applyProtection="1">
      <alignment horizontal="centerContinuous"/>
    </xf>
    <xf numFmtId="0" fontId="6" fillId="2" borderId="7" xfId="5" applyFont="1" applyFill="1" applyBorder="1" applyAlignment="1" applyProtection="1">
      <alignment horizontal="centerContinuous"/>
    </xf>
    <xf numFmtId="0" fontId="5" fillId="0" borderId="0" xfId="5" applyFont="1" applyAlignment="1"/>
    <xf numFmtId="0" fontId="6" fillId="2" borderId="149" xfId="5" applyFont="1" applyFill="1" applyBorder="1" applyAlignment="1" applyProtection="1">
      <alignment horizontal="centerContinuous" vertical="center"/>
    </xf>
    <xf numFmtId="0" fontId="6" fillId="2" borderId="143" xfId="5" applyFont="1" applyFill="1" applyBorder="1" applyAlignment="1" applyProtection="1">
      <alignment horizontal="centerContinuous" vertical="center"/>
    </xf>
    <xf numFmtId="0" fontId="6" fillId="2" borderId="0" xfId="5" applyFont="1" applyFill="1" applyBorder="1" applyAlignment="1" applyProtection="1">
      <alignment horizontal="centerContinuous" vertical="center"/>
    </xf>
    <xf numFmtId="0" fontId="6" fillId="2" borderId="22" xfId="5" applyFont="1" applyFill="1" applyBorder="1" applyAlignment="1" applyProtection="1">
      <alignment horizontal="centerContinuous" vertical="center"/>
    </xf>
    <xf numFmtId="0" fontId="5" fillId="0" borderId="0" xfId="5" applyFont="1" applyAlignment="1">
      <alignment vertical="center"/>
    </xf>
    <xf numFmtId="0" fontId="6" fillId="2" borderId="144" xfId="5" applyFont="1" applyFill="1" applyBorder="1" applyAlignment="1" applyProtection="1">
      <alignment vertical="center"/>
    </xf>
    <xf numFmtId="0" fontId="6" fillId="2" borderId="152" xfId="5" applyFont="1" applyFill="1" applyBorder="1" applyAlignment="1" applyProtection="1">
      <alignment vertical="center"/>
    </xf>
    <xf numFmtId="0" fontId="6" fillId="2" borderId="145" xfId="5" applyFont="1" applyFill="1" applyBorder="1" applyAlignment="1" applyProtection="1">
      <alignment vertical="center"/>
    </xf>
    <xf numFmtId="0" fontId="6" fillId="2" borderId="157" xfId="5" applyFont="1" applyFill="1" applyBorder="1" applyAlignment="1" applyProtection="1">
      <alignment horizontal="distributed" vertical="center" justifyLastLine="1"/>
    </xf>
    <xf numFmtId="0" fontId="6" fillId="2" borderId="156" xfId="5" applyFont="1" applyFill="1" applyBorder="1" applyAlignment="1" applyProtection="1">
      <alignment horizontal="distributed" vertical="center" justifyLastLine="1"/>
    </xf>
    <xf numFmtId="0" fontId="6" fillId="2" borderId="158" xfId="5" applyFont="1" applyFill="1" applyBorder="1" applyAlignment="1" applyProtection="1">
      <alignment horizontal="distributed" vertical="center" justifyLastLine="1"/>
    </xf>
    <xf numFmtId="0" fontId="6" fillId="2" borderId="160" xfId="5" applyFont="1" applyFill="1" applyBorder="1" applyAlignment="1" applyProtection="1">
      <alignment horizontal="distributed" vertical="center" justifyLastLine="1"/>
    </xf>
    <xf numFmtId="0" fontId="6" fillId="2" borderId="157" xfId="5" applyFont="1" applyFill="1" applyBorder="1" applyAlignment="1" applyProtection="1">
      <alignment horizontal="distributed" vertical="center" justifyLastLine="1" shrinkToFit="1"/>
    </xf>
    <xf numFmtId="0" fontId="6" fillId="2" borderId="161" xfId="5" applyFont="1" applyFill="1" applyBorder="1" applyAlignment="1" applyProtection="1">
      <alignment horizontal="distributed" vertical="center" justifyLastLine="1"/>
    </xf>
    <xf numFmtId="0" fontId="6" fillId="2" borderId="168" xfId="5" applyFont="1" applyFill="1" applyBorder="1" applyAlignment="1" applyProtection="1">
      <alignment horizontal="distributed" vertical="center" justifyLastLine="1"/>
    </xf>
    <xf numFmtId="0" fontId="6" fillId="2" borderId="167" xfId="5" applyFont="1" applyFill="1" applyBorder="1" applyAlignment="1" applyProtection="1">
      <alignment horizontal="distributed" vertical="center" justifyLastLine="1"/>
    </xf>
    <xf numFmtId="0" fontId="6" fillId="2" borderId="166" xfId="5" applyFont="1" applyFill="1" applyBorder="1" applyAlignment="1" applyProtection="1">
      <alignment horizontal="distributed" vertical="center" justifyLastLine="1"/>
    </xf>
    <xf numFmtId="0" fontId="6" fillId="2" borderId="158" xfId="5" applyFont="1" applyFill="1" applyBorder="1" applyAlignment="1" applyProtection="1">
      <alignment horizontal="distributed" vertical="center" justifyLastLine="1" shrinkToFit="1"/>
    </xf>
    <xf numFmtId="0" fontId="6" fillId="2" borderId="159" xfId="5" applyFont="1" applyFill="1" applyBorder="1" applyAlignment="1" applyProtection="1">
      <alignment horizontal="distributed" vertical="center" justifyLastLine="1"/>
    </xf>
    <xf numFmtId="0" fontId="6" fillId="2" borderId="215" xfId="5" applyFont="1" applyFill="1" applyBorder="1" applyAlignment="1" applyProtection="1">
      <alignment horizontal="distributed" vertical="center" justifyLastLine="1"/>
    </xf>
    <xf numFmtId="0" fontId="6" fillId="2" borderId="216" xfId="5" applyFont="1" applyFill="1" applyBorder="1" applyAlignment="1" applyProtection="1">
      <alignment horizontal="distributed" vertical="center" justifyLastLine="1"/>
    </xf>
    <xf numFmtId="38" fontId="15" fillId="2" borderId="88" xfId="6" applyFont="1" applyFill="1" applyBorder="1" applyAlignment="1"/>
    <xf numFmtId="38" fontId="6" fillId="2" borderId="10" xfId="6" quotePrefix="1" applyFont="1" applyFill="1" applyBorder="1" applyAlignment="1" applyProtection="1"/>
    <xf numFmtId="38" fontId="6" fillId="2" borderId="49" xfId="6" quotePrefix="1" applyFont="1" applyFill="1" applyBorder="1" applyAlignment="1" applyProtection="1"/>
    <xf numFmtId="0" fontId="6" fillId="0" borderId="26" xfId="5" applyFont="1" applyBorder="1" applyAlignment="1" applyProtection="1"/>
    <xf numFmtId="38" fontId="15" fillId="0" borderId="54" xfId="6" applyFont="1" applyBorder="1" applyAlignment="1"/>
    <xf numFmtId="38" fontId="6" fillId="2" borderId="178" xfId="6" quotePrefix="1" applyFont="1" applyFill="1" applyBorder="1" applyAlignment="1" applyProtection="1"/>
    <xf numFmtId="0" fontId="6" fillId="2" borderId="0" xfId="5" applyFont="1" applyFill="1" applyBorder="1" applyAlignment="1" applyProtection="1">
      <alignment vertical="center"/>
    </xf>
    <xf numFmtId="0" fontId="6" fillId="2" borderId="10" xfId="5" applyFont="1" applyFill="1" applyBorder="1" applyAlignment="1" applyProtection="1">
      <alignment horizontal="left" vertical="center"/>
    </xf>
    <xf numFmtId="38" fontId="6" fillId="2" borderId="28" xfId="6" quotePrefix="1" applyFont="1" applyFill="1" applyBorder="1" applyAlignment="1" applyProtection="1"/>
    <xf numFmtId="38" fontId="6" fillId="2" borderId="54" xfId="6" quotePrefix="1" applyFont="1" applyFill="1" applyBorder="1" applyAlignment="1" applyProtection="1"/>
    <xf numFmtId="38" fontId="15" fillId="2" borderId="10" xfId="6" applyFont="1" applyFill="1" applyBorder="1" applyAlignment="1"/>
    <xf numFmtId="38" fontId="15" fillId="2" borderId="48" xfId="6" applyFont="1" applyFill="1" applyBorder="1" applyAlignment="1"/>
    <xf numFmtId="38" fontId="15" fillId="0" borderId="48" xfId="6" applyFont="1" applyBorder="1" applyAlignment="1"/>
    <xf numFmtId="38" fontId="6" fillId="2" borderId="21" xfId="6" quotePrefix="1" applyFont="1" applyFill="1" applyBorder="1" applyAlignment="1" applyProtection="1"/>
    <xf numFmtId="38" fontId="6" fillId="2" borderId="48" xfId="6" quotePrefix="1" applyFont="1" applyFill="1" applyBorder="1" applyAlignment="1" applyProtection="1"/>
    <xf numFmtId="38" fontId="6" fillId="2" borderId="51" xfId="6" quotePrefix="1" applyFont="1" applyFill="1" applyBorder="1" applyAlignment="1" applyProtection="1"/>
    <xf numFmtId="38" fontId="15" fillId="2" borderId="18" xfId="6" applyFont="1" applyFill="1" applyBorder="1" applyAlignment="1"/>
    <xf numFmtId="0" fontId="6" fillId="0" borderId="9" xfId="5" applyFont="1" applyBorder="1" applyAlignment="1" applyProtection="1"/>
    <xf numFmtId="38" fontId="15" fillId="2" borderId="24" xfId="6" applyFont="1" applyFill="1" applyBorder="1" applyAlignment="1"/>
    <xf numFmtId="38" fontId="6" fillId="2" borderId="30" xfId="6" quotePrefix="1" applyFont="1" applyFill="1" applyBorder="1" applyAlignment="1" applyProtection="1"/>
    <xf numFmtId="38" fontId="15" fillId="0" borderId="24" xfId="6" applyFont="1" applyBorder="1" applyAlignment="1"/>
    <xf numFmtId="38" fontId="6" fillId="2" borderId="29" xfId="6" quotePrefix="1" applyFont="1" applyFill="1" applyBorder="1" applyAlignment="1" applyProtection="1"/>
    <xf numFmtId="0" fontId="6" fillId="2" borderId="15" xfId="5" applyFont="1" applyFill="1" applyBorder="1" applyAlignment="1" applyProtection="1">
      <alignment horizontal="left" vertical="center"/>
    </xf>
    <xf numFmtId="38" fontId="6" fillId="2" borderId="23" xfId="6" quotePrefix="1" applyFont="1" applyFill="1" applyBorder="1" applyAlignment="1" applyProtection="1"/>
    <xf numFmtId="38" fontId="6" fillId="2" borderId="24" xfId="6" quotePrefix="1" applyFont="1" applyFill="1" applyBorder="1" applyAlignment="1" applyProtection="1"/>
    <xf numFmtId="38" fontId="6" fillId="2" borderId="25" xfId="6" quotePrefix="1" applyFont="1" applyFill="1" applyBorder="1" applyAlignment="1" applyProtection="1"/>
    <xf numFmtId="38" fontId="15" fillId="2" borderId="12" xfId="6" applyFont="1" applyFill="1" applyBorder="1" applyAlignment="1"/>
    <xf numFmtId="0" fontId="6" fillId="2" borderId="48" xfId="5" applyFont="1" applyFill="1" applyBorder="1" applyAlignment="1" applyProtection="1">
      <alignment vertical="center"/>
    </xf>
    <xf numFmtId="0" fontId="6" fillId="2" borderId="48" xfId="5" applyFont="1" applyFill="1" applyBorder="1" applyAlignment="1" applyProtection="1">
      <alignment horizontal="left" vertical="center"/>
    </xf>
    <xf numFmtId="38" fontId="15" fillId="2" borderId="54" xfId="6" applyFont="1" applyFill="1" applyBorder="1" applyAlignment="1"/>
    <xf numFmtId="38" fontId="15" fillId="0" borderId="36" xfId="6" applyFont="1" applyBorder="1" applyAlignment="1"/>
    <xf numFmtId="38" fontId="6" fillId="2" borderId="218" xfId="6" applyFont="1" applyFill="1" applyBorder="1" applyAlignment="1" applyProtection="1"/>
    <xf numFmtId="38" fontId="6" fillId="2" borderId="86" xfId="6" quotePrefix="1" applyFont="1" applyFill="1" applyBorder="1" applyAlignment="1" applyProtection="1"/>
    <xf numFmtId="38" fontId="6" fillId="2" borderId="119" xfId="6" quotePrefix="1" applyFont="1" applyFill="1" applyBorder="1" applyAlignment="1" applyProtection="1">
      <alignment horizontal="center"/>
    </xf>
    <xf numFmtId="38" fontId="6" fillId="2" borderId="52" xfId="6" quotePrefix="1" applyFont="1" applyFill="1" applyBorder="1" applyAlignment="1" applyProtection="1">
      <alignment horizontal="center"/>
    </xf>
    <xf numFmtId="38" fontId="6" fillId="0" borderId="88" xfId="6" applyFont="1" applyBorder="1" applyAlignment="1" applyProtection="1">
      <alignment horizontal="left"/>
    </xf>
    <xf numFmtId="38" fontId="6" fillId="2" borderId="88" xfId="6" quotePrefix="1" applyFont="1" applyFill="1" applyBorder="1" applyAlignment="1" applyProtection="1">
      <alignment horizontal="center"/>
    </xf>
    <xf numFmtId="38" fontId="6" fillId="2" borderId="219" xfId="6" quotePrefix="1" applyFont="1" applyFill="1" applyBorder="1" applyAlignment="1" applyProtection="1">
      <alignment horizontal="center"/>
    </xf>
    <xf numFmtId="38" fontId="6" fillId="2" borderId="118" xfId="6" quotePrefix="1" applyFont="1" applyFill="1" applyBorder="1" applyAlignment="1" applyProtection="1">
      <alignment horizontal="center"/>
    </xf>
    <xf numFmtId="38" fontId="6" fillId="2" borderId="119" xfId="6" applyFont="1" applyFill="1" applyBorder="1" applyAlignment="1" applyProtection="1">
      <alignment horizontal="left"/>
    </xf>
    <xf numFmtId="38" fontId="6" fillId="2" borderId="18" xfId="6" quotePrefix="1" applyFont="1" applyFill="1" applyBorder="1" applyAlignment="1" applyProtection="1">
      <alignment horizontal="center"/>
    </xf>
    <xf numFmtId="38" fontId="6" fillId="2" borderId="51" xfId="6" quotePrefix="1" applyFont="1" applyFill="1" applyBorder="1" applyAlignment="1" applyProtection="1">
      <alignment horizontal="center"/>
    </xf>
    <xf numFmtId="38" fontId="6" fillId="0" borderId="54" xfId="6" applyFont="1" applyBorder="1" applyAlignment="1" applyProtection="1">
      <alignment horizontal="left"/>
    </xf>
    <xf numFmtId="38" fontId="6" fillId="2" borderId="48" xfId="6" quotePrefix="1" applyFont="1" applyFill="1" applyBorder="1" applyAlignment="1" applyProtection="1">
      <alignment horizontal="center"/>
    </xf>
    <xf numFmtId="38" fontId="6" fillId="2" borderId="19" xfId="6" quotePrefix="1" applyFont="1" applyFill="1" applyBorder="1" applyAlignment="1" applyProtection="1">
      <alignment horizontal="center"/>
    </xf>
    <xf numFmtId="38" fontId="6" fillId="2" borderId="21" xfId="6" quotePrefix="1" applyFont="1" applyFill="1" applyBorder="1" applyAlignment="1" applyProtection="1">
      <alignment horizontal="center"/>
    </xf>
    <xf numFmtId="38" fontId="6" fillId="2" borderId="10" xfId="6" applyFont="1" applyFill="1" applyBorder="1" applyAlignment="1" applyProtection="1">
      <alignment horizontal="left"/>
    </xf>
    <xf numFmtId="38" fontId="6" fillId="2" borderId="37" xfId="6" quotePrefix="1" applyFont="1" applyFill="1" applyBorder="1" applyAlignment="1" applyProtection="1">
      <alignment horizontal="center"/>
    </xf>
    <xf numFmtId="38" fontId="6" fillId="2" borderId="39" xfId="6" quotePrefix="1" applyFont="1" applyFill="1" applyBorder="1" applyAlignment="1" applyProtection="1">
      <alignment horizontal="center"/>
    </xf>
    <xf numFmtId="0" fontId="6" fillId="0" borderId="82" xfId="5" applyFont="1" applyBorder="1" applyAlignment="1" applyProtection="1"/>
    <xf numFmtId="38" fontId="6" fillId="0" borderId="34" xfId="6" applyFont="1" applyBorder="1" applyAlignment="1" applyProtection="1">
      <alignment horizontal="left"/>
    </xf>
    <xf numFmtId="38" fontId="6" fillId="2" borderId="36" xfId="6" quotePrefix="1" applyFont="1" applyFill="1" applyBorder="1" applyAlignment="1" applyProtection="1">
      <alignment horizontal="center"/>
    </xf>
    <xf numFmtId="38" fontId="6" fillId="2" borderId="220" xfId="6" quotePrefix="1" applyFont="1" applyFill="1" applyBorder="1" applyAlignment="1" applyProtection="1">
      <alignment horizontal="center"/>
    </xf>
    <xf numFmtId="38" fontId="6" fillId="2" borderId="83" xfId="6" quotePrefix="1" applyFont="1" applyFill="1" applyBorder="1" applyAlignment="1" applyProtection="1">
      <alignment horizontal="center"/>
    </xf>
    <xf numFmtId="38" fontId="6" fillId="2" borderId="33" xfId="6" applyFont="1" applyFill="1" applyBorder="1" applyAlignment="1" applyProtection="1">
      <alignment horizontal="left"/>
    </xf>
    <xf numFmtId="38" fontId="5" fillId="0" borderId="0" xfId="6" quotePrefix="1" applyFont="1" applyBorder="1" applyAlignment="1" applyProtection="1"/>
    <xf numFmtId="38" fontId="5" fillId="0" borderId="0" xfId="6" applyFont="1" applyBorder="1" applyAlignment="1" applyProtection="1"/>
    <xf numFmtId="0" fontId="5" fillId="0" borderId="0" xfId="5" applyFont="1" applyBorder="1" applyAlignment="1"/>
    <xf numFmtId="38" fontId="5" fillId="0" borderId="0" xfId="5" applyNumberFormat="1" applyFont="1" applyBorder="1" applyAlignment="1"/>
    <xf numFmtId="38" fontId="6" fillId="2" borderId="78" xfId="6" quotePrefix="1" applyFont="1" applyFill="1" applyBorder="1" applyAlignment="1" applyProtection="1">
      <alignment horizontal="center"/>
    </xf>
    <xf numFmtId="38" fontId="6" fillId="2" borderId="77" xfId="6" quotePrefix="1" applyFont="1" applyFill="1" applyBorder="1" applyAlignment="1" applyProtection="1">
      <alignment horizontal="center"/>
    </xf>
    <xf numFmtId="38" fontId="6" fillId="2" borderId="79" xfId="6" quotePrefix="1" applyFont="1" applyFill="1" applyBorder="1" applyAlignment="1" applyProtection="1">
      <alignment horizontal="center" vertical="center"/>
    </xf>
    <xf numFmtId="38" fontId="6" fillId="2" borderId="78" xfId="6" quotePrefix="1" applyFont="1" applyFill="1" applyBorder="1" applyAlignment="1" applyProtection="1">
      <alignment horizontal="center" vertical="center"/>
    </xf>
    <xf numFmtId="38" fontId="6" fillId="2" borderId="222" xfId="6" quotePrefix="1" applyFont="1" applyFill="1" applyBorder="1" applyAlignment="1" applyProtection="1">
      <alignment horizontal="center"/>
    </xf>
    <xf numFmtId="38" fontId="6" fillId="2" borderId="81" xfId="6" quotePrefix="1" applyFont="1" applyFill="1" applyBorder="1" applyAlignment="1" applyProtection="1">
      <alignment horizontal="center"/>
    </xf>
    <xf numFmtId="38" fontId="5" fillId="0" borderId="0" xfId="6" quotePrefix="1" applyFont="1" applyFill="1" applyBorder="1" applyAlignment="1" applyProtection="1">
      <alignment vertical="center"/>
    </xf>
    <xf numFmtId="38" fontId="5" fillId="0" borderId="0" xfId="6" applyFont="1" applyFill="1" applyBorder="1" applyAlignment="1" applyProtection="1">
      <alignment vertical="center"/>
    </xf>
    <xf numFmtId="0" fontId="5" fillId="0" borderId="0" xfId="5" applyFont="1" applyFill="1" applyBorder="1" applyAlignment="1">
      <alignment vertical="center"/>
    </xf>
    <xf numFmtId="38" fontId="5" fillId="0" borderId="0" xfId="5" applyNumberFormat="1" applyFont="1" applyFill="1" applyBorder="1" applyAlignment="1">
      <alignment vertical="center"/>
    </xf>
    <xf numFmtId="38" fontId="6" fillId="2" borderId="56" xfId="6" quotePrefix="1" applyFont="1" applyFill="1" applyBorder="1" applyAlignment="1" applyProtection="1"/>
    <xf numFmtId="38" fontId="6" fillId="2" borderId="57" xfId="6" quotePrefix="1" applyFont="1" applyFill="1" applyBorder="1" applyAlignment="1" applyProtection="1"/>
    <xf numFmtId="38" fontId="6" fillId="2" borderId="77" xfId="6" quotePrefix="1" applyFont="1" applyFill="1" applyBorder="1" applyAlignment="1" applyProtection="1"/>
    <xf numFmtId="38" fontId="6" fillId="2" borderId="81" xfId="6" quotePrefix="1" applyFont="1" applyFill="1" applyBorder="1" applyAlignment="1" applyProtection="1"/>
    <xf numFmtId="0" fontId="5" fillId="2" borderId="0" xfId="5" applyFont="1" applyFill="1" applyAlignment="1" applyProtection="1">
      <alignment horizontal="left" vertical="center"/>
    </xf>
    <xf numFmtId="0" fontId="9" fillId="2" borderId="0" xfId="8" applyFont="1" applyFill="1" applyAlignment="1">
      <alignment vertical="center"/>
    </xf>
    <xf numFmtId="0" fontId="9" fillId="2" borderId="0" xfId="5" applyFont="1" applyFill="1"/>
    <xf numFmtId="38" fontId="9" fillId="2" borderId="0" xfId="6" applyFont="1" applyFill="1" applyAlignment="1"/>
    <xf numFmtId="38" fontId="9" fillId="2" borderId="0" xfId="6" applyFont="1" applyFill="1"/>
    <xf numFmtId="0" fontId="9" fillId="0" borderId="0" xfId="5" applyFont="1"/>
    <xf numFmtId="0" fontId="9" fillId="0" borderId="0" xfId="8" applyFont="1" applyAlignment="1">
      <alignment vertical="center"/>
    </xf>
    <xf numFmtId="0" fontId="9" fillId="2" borderId="0" xfId="5" applyFont="1" applyFill="1" applyAlignment="1"/>
    <xf numFmtId="0" fontId="2" fillId="0" borderId="0" xfId="5" applyFont="1" applyBorder="1" applyAlignment="1" applyProtection="1">
      <alignment horizontal="left" vertical="center"/>
    </xf>
    <xf numFmtId="0" fontId="2" fillId="0" borderId="0" xfId="5" applyFont="1" applyAlignment="1">
      <alignment vertical="center"/>
    </xf>
    <xf numFmtId="0" fontId="2" fillId="0" borderId="0" xfId="5" applyFont="1" applyFill="1" applyBorder="1" applyAlignment="1">
      <alignment vertical="center"/>
    </xf>
    <xf numFmtId="0" fontId="2" fillId="0" borderId="0" xfId="5" applyFont="1" applyBorder="1" applyAlignment="1">
      <alignment vertical="center"/>
    </xf>
    <xf numFmtId="0" fontId="9" fillId="0" borderId="124" xfId="5" applyFont="1" applyFill="1" applyBorder="1" applyAlignment="1" applyProtection="1">
      <alignment horizontal="distributed" vertical="center" justifyLastLine="1"/>
    </xf>
    <xf numFmtId="0" fontId="9" fillId="0" borderId="208" xfId="5" applyFont="1" applyFill="1" applyBorder="1" applyAlignment="1" applyProtection="1">
      <alignment horizontal="distributed" vertical="center" justifyLastLine="1"/>
    </xf>
    <xf numFmtId="0" fontId="6" fillId="0" borderId="0" xfId="5" applyFont="1" applyAlignment="1">
      <alignment vertical="center"/>
    </xf>
    <xf numFmtId="0" fontId="9" fillId="0" borderId="34" xfId="5" quotePrefix="1" applyFont="1" applyFill="1" applyBorder="1" applyAlignment="1" applyProtection="1">
      <alignment horizontal="center" vertical="center"/>
    </xf>
    <xf numFmtId="0" fontId="9" fillId="0" borderId="35" xfId="5" quotePrefix="1" applyFont="1" applyFill="1" applyBorder="1" applyAlignment="1" applyProtection="1">
      <alignment horizontal="center" vertical="center"/>
    </xf>
    <xf numFmtId="0" fontId="6" fillId="0" borderId="0" xfId="5" applyFont="1" applyAlignment="1">
      <alignment horizontal="right" vertical="center"/>
    </xf>
    <xf numFmtId="0" fontId="9" fillId="0" borderId="26" xfId="5" applyFont="1" applyBorder="1" applyAlignment="1" applyProtection="1"/>
    <xf numFmtId="38" fontId="17" fillId="0" borderId="48" xfId="6" applyFont="1" applyBorder="1" applyAlignment="1"/>
    <xf numFmtId="38" fontId="18" fillId="0" borderId="54" xfId="6" quotePrefix="1" applyFont="1" applyFill="1" applyBorder="1" applyAlignment="1" applyProtection="1">
      <protection locked="0"/>
    </xf>
    <xf numFmtId="38" fontId="18" fillId="0" borderId="54" xfId="6" quotePrefix="1" applyFont="1" applyFill="1" applyBorder="1" applyAlignment="1" applyProtection="1"/>
    <xf numFmtId="38" fontId="18" fillId="0" borderId="49" xfId="6" applyFont="1" applyFill="1" applyBorder="1" applyAlignment="1" applyProtection="1"/>
    <xf numFmtId="38" fontId="6" fillId="0" borderId="0" xfId="6" applyFont="1" applyAlignment="1"/>
    <xf numFmtId="38" fontId="6" fillId="0" borderId="0" xfId="5" applyNumberFormat="1" applyFont="1" applyAlignment="1"/>
    <xf numFmtId="0" fontId="6" fillId="0" borderId="0" xfId="5" applyFont="1" applyAlignment="1"/>
    <xf numFmtId="0" fontId="9" fillId="0" borderId="26" xfId="5" applyFont="1" applyFill="1" applyBorder="1" applyAlignment="1" applyProtection="1"/>
    <xf numFmtId="38" fontId="17" fillId="0" borderId="48" xfId="6" applyFont="1" applyFill="1" applyBorder="1" applyAlignment="1"/>
    <xf numFmtId="0" fontId="6" fillId="0" borderId="0" xfId="5" applyFont="1" applyFill="1" applyAlignment="1"/>
    <xf numFmtId="38" fontId="18" fillId="0" borderId="48" xfId="6" quotePrefix="1" applyFont="1" applyFill="1" applyBorder="1" applyAlignment="1" applyProtection="1">
      <protection locked="0"/>
    </xf>
    <xf numFmtId="38" fontId="18" fillId="0" borderId="48" xfId="6" quotePrefix="1" applyFont="1" applyFill="1" applyBorder="1" applyAlignment="1" applyProtection="1"/>
    <xf numFmtId="38" fontId="18" fillId="0" borderId="51" xfId="6" applyFont="1" applyFill="1" applyBorder="1" applyAlignment="1" applyProtection="1"/>
    <xf numFmtId="0" fontId="9" fillId="0" borderId="9" xfId="5" applyFont="1" applyBorder="1" applyAlignment="1" applyProtection="1"/>
    <xf numFmtId="0" fontId="9" fillId="0" borderId="82" xfId="5" applyFont="1" applyBorder="1" applyAlignment="1" applyProtection="1"/>
    <xf numFmtId="38" fontId="17" fillId="0" borderId="36" xfId="6" applyFont="1" applyBorder="1" applyAlignment="1"/>
    <xf numFmtId="38" fontId="18" fillId="0" borderId="34" xfId="6" quotePrefix="1" applyFont="1" applyFill="1" applyBorder="1" applyAlignment="1" applyProtection="1">
      <protection locked="0"/>
    </xf>
    <xf numFmtId="38" fontId="18" fillId="0" borderId="34" xfId="6" quotePrefix="1" applyFont="1" applyFill="1" applyBorder="1" applyAlignment="1" applyProtection="1"/>
    <xf numFmtId="38" fontId="18" fillId="0" borderId="35" xfId="6" applyFont="1" applyFill="1" applyBorder="1" applyAlignment="1" applyProtection="1"/>
    <xf numFmtId="38" fontId="17" fillId="0" borderId="54" xfId="6" applyFont="1" applyBorder="1" applyAlignment="1" applyProtection="1">
      <alignment horizontal="left"/>
    </xf>
    <xf numFmtId="38" fontId="9" fillId="0" borderId="29" xfId="6" applyFont="1" applyBorder="1" applyAlignment="1" applyProtection="1">
      <alignment horizontal="center"/>
    </xf>
    <xf numFmtId="38" fontId="9" fillId="0" borderId="48" xfId="6" applyFont="1" applyBorder="1" applyAlignment="1" applyProtection="1">
      <alignment horizontal="center"/>
    </xf>
    <xf numFmtId="38" fontId="17" fillId="0" borderId="34" xfId="6" applyFont="1" applyBorder="1" applyAlignment="1" applyProtection="1">
      <alignment horizontal="left"/>
    </xf>
    <xf numFmtId="38" fontId="9" fillId="0" borderId="36" xfId="6" applyFont="1" applyBorder="1" applyAlignment="1" applyProtection="1">
      <alignment horizontal="center"/>
    </xf>
    <xf numFmtId="38" fontId="18" fillId="0" borderId="86" xfId="6" applyFont="1" applyFill="1" applyBorder="1" applyAlignment="1" applyProtection="1">
      <protection locked="0"/>
    </xf>
    <xf numFmtId="38" fontId="18" fillId="0" borderId="87" xfId="6" applyFont="1" applyFill="1" applyBorder="1" applyAlignment="1" applyProtection="1">
      <protection locked="0"/>
    </xf>
    <xf numFmtId="38" fontId="6" fillId="0" borderId="0" xfId="6" applyFont="1" applyAlignment="1">
      <alignment vertical="center"/>
    </xf>
    <xf numFmtId="38" fontId="18" fillId="0" borderId="34" xfId="6" applyFont="1" applyFill="1" applyBorder="1" applyAlignment="1" applyProtection="1"/>
    <xf numFmtId="38" fontId="18" fillId="0" borderId="58" xfId="6" applyFont="1" applyFill="1" applyBorder="1" applyAlignment="1" applyProtection="1"/>
    <xf numFmtId="38" fontId="18" fillId="0" borderId="57" xfId="6" applyFont="1" applyFill="1" applyBorder="1" applyAlignment="1" applyProtection="1"/>
    <xf numFmtId="0" fontId="6" fillId="0" borderId="0" xfId="5" applyFont="1" applyBorder="1" applyAlignment="1" applyProtection="1"/>
    <xf numFmtId="38" fontId="6" fillId="0" borderId="0" xfId="6" applyFont="1" applyBorder="1" applyAlignment="1"/>
    <xf numFmtId="38" fontId="19" fillId="0" borderId="0" xfId="6" quotePrefix="1" applyFont="1" applyFill="1" applyBorder="1" applyAlignment="1" applyProtection="1">
      <protection locked="0"/>
    </xf>
    <xf numFmtId="0" fontId="19" fillId="0" borderId="0" xfId="6" quotePrefix="1" applyNumberFormat="1" applyFont="1" applyFill="1" applyBorder="1" applyAlignment="1" applyProtection="1"/>
    <xf numFmtId="38" fontId="19" fillId="0" borderId="0" xfId="6" applyFont="1" applyFill="1" applyBorder="1" applyAlignment="1" applyProtection="1"/>
    <xf numFmtId="38" fontId="19" fillId="0" borderId="0" xfId="6" quotePrefix="1" applyFont="1" applyFill="1" applyBorder="1" applyAlignment="1" applyProtection="1"/>
    <xf numFmtId="0" fontId="20" fillId="0" borderId="0" xfId="8" applyFont="1" applyAlignment="1">
      <alignment vertical="center"/>
    </xf>
    <xf numFmtId="0" fontId="6" fillId="0" borderId="0" xfId="5" applyFont="1"/>
    <xf numFmtId="0" fontId="6" fillId="0" borderId="0" xfId="5" applyFont="1" applyFill="1"/>
    <xf numFmtId="38" fontId="6" fillId="0" borderId="0" xfId="5" applyNumberFormat="1" applyFont="1" applyFill="1"/>
    <xf numFmtId="0" fontId="2" fillId="0" borderId="0" xfId="5" applyFont="1" applyFill="1" applyBorder="1" applyAlignment="1" applyProtection="1">
      <alignment horizontal="right" vertical="center"/>
    </xf>
    <xf numFmtId="38" fontId="2" fillId="0" borderId="0" xfId="6" applyFont="1" applyAlignment="1">
      <alignment vertical="center"/>
    </xf>
    <xf numFmtId="0" fontId="6" fillId="0" borderId="0" xfId="5" applyFont="1" applyFill="1" applyBorder="1" applyAlignment="1" applyProtection="1">
      <alignment horizontal="right" vertical="center"/>
    </xf>
    <xf numFmtId="0" fontId="5" fillId="0" borderId="0" xfId="5" applyFont="1" applyBorder="1" applyAlignment="1">
      <alignment horizontal="centerContinuous"/>
    </xf>
    <xf numFmtId="0" fontId="9" fillId="2" borderId="34" xfId="5" applyFont="1" applyFill="1" applyBorder="1" applyAlignment="1">
      <alignment horizontal="centerContinuous" vertical="center"/>
    </xf>
    <xf numFmtId="0" fontId="9" fillId="2" borderId="40" xfId="5" applyFont="1" applyFill="1" applyBorder="1" applyAlignment="1">
      <alignment horizontal="center" vertical="center"/>
    </xf>
    <xf numFmtId="0" fontId="9" fillId="2" borderId="34" xfId="5" applyFont="1" applyFill="1" applyBorder="1" applyAlignment="1">
      <alignment horizontal="center" vertical="center"/>
    </xf>
    <xf numFmtId="0" fontId="9" fillId="2" borderId="38" xfId="5" applyFont="1" applyFill="1" applyBorder="1" applyAlignment="1">
      <alignment horizontal="center" vertical="center"/>
    </xf>
    <xf numFmtId="0" fontId="9" fillId="2" borderId="107" xfId="5" applyFont="1" applyFill="1" applyBorder="1" applyAlignment="1">
      <alignment horizontal="center" vertical="center"/>
    </xf>
    <xf numFmtId="0" fontId="5" fillId="0" borderId="0" xfId="5" applyFont="1" applyBorder="1" applyAlignment="1">
      <alignment horizontal="center" vertical="center"/>
    </xf>
    <xf numFmtId="0" fontId="5" fillId="0" borderId="0" xfId="5" applyFont="1" applyBorder="1" applyAlignment="1">
      <alignment vertical="center"/>
    </xf>
    <xf numFmtId="38" fontId="9" fillId="2" borderId="26" xfId="6" applyFont="1" applyFill="1" applyBorder="1" applyAlignment="1" applyProtection="1"/>
    <xf numFmtId="38" fontId="17" fillId="2" borderId="48" xfId="6" applyFont="1" applyFill="1" applyBorder="1"/>
    <xf numFmtId="38" fontId="9" fillId="2" borderId="48" xfId="6" applyFont="1" applyFill="1" applyBorder="1" applyAlignment="1"/>
    <xf numFmtId="38" fontId="9" fillId="2" borderId="48" xfId="6" applyFont="1" applyFill="1" applyBorder="1" applyAlignment="1">
      <alignment horizontal="center"/>
    </xf>
    <xf numFmtId="38" fontId="9" fillId="2" borderId="48" xfId="6" applyNumberFormat="1" applyFont="1" applyFill="1" applyBorder="1" applyAlignment="1"/>
    <xf numFmtId="38" fontId="9" fillId="2" borderId="20" xfId="6" applyFont="1" applyFill="1" applyBorder="1" applyAlignment="1">
      <alignment horizontal="center"/>
    </xf>
    <xf numFmtId="38" fontId="5" fillId="0" borderId="0" xfId="6" applyFont="1" applyBorder="1" applyAlignment="1"/>
    <xf numFmtId="38" fontId="9" fillId="2" borderId="9" xfId="6" applyFont="1" applyFill="1" applyBorder="1" applyAlignment="1" applyProtection="1"/>
    <xf numFmtId="38" fontId="9" fillId="2" borderId="24" xfId="6" applyFont="1" applyFill="1" applyBorder="1" applyAlignment="1"/>
    <xf numFmtId="38" fontId="17" fillId="2" borderId="54" xfId="6" applyFont="1" applyFill="1" applyBorder="1"/>
    <xf numFmtId="38" fontId="9" fillId="2" borderId="51" xfId="6" applyFont="1" applyFill="1" applyBorder="1" applyAlignment="1">
      <alignment horizontal="center"/>
    </xf>
    <xf numFmtId="38" fontId="9" fillId="2" borderId="32" xfId="6" applyFont="1" applyFill="1" applyBorder="1" applyAlignment="1" applyProtection="1"/>
    <xf numFmtId="38" fontId="17" fillId="2" borderId="36" xfId="6" applyFont="1" applyFill="1" applyBorder="1"/>
    <xf numFmtId="38" fontId="9" fillId="2" borderId="36" xfId="6" applyFont="1" applyFill="1" applyBorder="1" applyAlignment="1"/>
    <xf numFmtId="38" fontId="9" fillId="2" borderId="36" xfId="6" applyFont="1" applyFill="1" applyBorder="1" applyAlignment="1">
      <alignment horizontal="center"/>
    </xf>
    <xf numFmtId="38" fontId="9" fillId="2" borderId="224" xfId="6" applyFont="1" applyFill="1" applyBorder="1" applyAlignment="1">
      <alignment horizontal="center"/>
    </xf>
    <xf numFmtId="38" fontId="17" fillId="2" borderId="54" xfId="6" applyFont="1" applyFill="1" applyBorder="1" applyAlignment="1" applyProtection="1">
      <alignment horizontal="left" vertical="center"/>
    </xf>
    <xf numFmtId="38" fontId="9" fillId="2" borderId="54" xfId="6" applyFont="1" applyFill="1" applyBorder="1" applyAlignment="1"/>
    <xf numFmtId="38" fontId="9" fillId="2" borderId="54" xfId="6" applyFont="1" applyFill="1" applyBorder="1" applyAlignment="1">
      <alignment horizontal="center"/>
    </xf>
    <xf numFmtId="38" fontId="9" fillId="2" borderId="29" xfId="6" applyFont="1" applyFill="1" applyBorder="1" applyAlignment="1" applyProtection="1">
      <alignment horizontal="center"/>
    </xf>
    <xf numFmtId="38" fontId="9" fillId="2" borderId="27" xfId="6" applyFont="1" applyFill="1" applyBorder="1" applyAlignment="1">
      <alignment horizontal="center"/>
    </xf>
    <xf numFmtId="38" fontId="9" fillId="2" borderId="48" xfId="6" applyFont="1" applyFill="1" applyBorder="1" applyAlignment="1" applyProtection="1">
      <alignment horizontal="center"/>
    </xf>
    <xf numFmtId="38" fontId="9" fillId="2" borderId="82" xfId="6" applyFont="1" applyFill="1" applyBorder="1" applyAlignment="1" applyProtection="1"/>
    <xf numFmtId="38" fontId="17" fillId="2" borderId="34" xfId="6" applyFont="1" applyFill="1" applyBorder="1" applyAlignment="1" applyProtection="1">
      <alignment horizontal="left" vertical="center"/>
    </xf>
    <xf numFmtId="38" fontId="9" fillId="2" borderId="36" xfId="6" applyFont="1" applyFill="1" applyBorder="1" applyAlignment="1" applyProtection="1">
      <alignment horizontal="center"/>
    </xf>
    <xf numFmtId="178" fontId="9" fillId="2" borderId="36" xfId="6" applyNumberFormat="1" applyFont="1" applyFill="1" applyBorder="1" applyAlignment="1"/>
    <xf numFmtId="38" fontId="9" fillId="2" borderId="39" xfId="6" applyFont="1" applyFill="1" applyBorder="1" applyAlignment="1" applyProtection="1">
      <alignment horizontal="center"/>
    </xf>
    <xf numFmtId="38" fontId="9" fillId="2" borderId="36" xfId="6" applyNumberFormat="1" applyFont="1" applyFill="1" applyBorder="1" applyAlignment="1"/>
    <xf numFmtId="38" fontId="9" fillId="2" borderId="77" xfId="6" applyFont="1" applyFill="1" applyBorder="1" applyAlignment="1"/>
    <xf numFmtId="38" fontId="9" fillId="2" borderId="64" xfId="6" applyFont="1" applyFill="1" applyBorder="1" applyAlignment="1" applyProtection="1">
      <alignment horizontal="center"/>
    </xf>
    <xf numFmtId="178" fontId="9" fillId="2" borderId="77" xfId="6" applyNumberFormat="1" applyFont="1" applyFill="1" applyBorder="1" applyAlignment="1"/>
    <xf numFmtId="38" fontId="9" fillId="2" borderId="63" xfId="6" applyFont="1" applyFill="1" applyBorder="1" applyAlignment="1" applyProtection="1">
      <alignment horizontal="center"/>
    </xf>
    <xf numFmtId="0" fontId="5" fillId="0" borderId="0" xfId="5" applyFont="1" applyAlignment="1">
      <alignment horizontal="center"/>
    </xf>
    <xf numFmtId="38" fontId="5" fillId="0" borderId="0" xfId="5" applyNumberFormat="1" applyFont="1" applyAlignment="1"/>
    <xf numFmtId="0" fontId="9" fillId="0" borderId="36" xfId="5" applyFont="1" applyBorder="1" applyAlignment="1">
      <alignment horizontal="centerContinuous" vertical="center"/>
    </xf>
    <xf numFmtId="0" fontId="9" fillId="0" borderId="36" xfId="5" applyFont="1" applyBorder="1" applyAlignment="1">
      <alignment horizontal="center" vertical="center"/>
    </xf>
    <xf numFmtId="0" fontId="9" fillId="0" borderId="39" xfId="5" applyFont="1" applyBorder="1" applyAlignment="1">
      <alignment horizontal="center" vertical="center"/>
    </xf>
    <xf numFmtId="38" fontId="9" fillId="0" borderId="47" xfId="6" applyFont="1" applyBorder="1" applyAlignment="1" applyProtection="1"/>
    <xf numFmtId="38" fontId="17" fillId="0" borderId="54" xfId="6" applyFont="1" applyBorder="1"/>
    <xf numFmtId="38" fontId="9" fillId="0" borderId="54" xfId="6" applyFont="1" applyBorder="1" applyAlignment="1"/>
    <xf numFmtId="38" fontId="9" fillId="0" borderId="54" xfId="6" applyFont="1" applyBorder="1" applyAlignment="1">
      <alignment horizontal="center"/>
    </xf>
    <xf numFmtId="38" fontId="9" fillId="0" borderId="49" xfId="6" applyFont="1" applyBorder="1" applyAlignment="1">
      <alignment horizontal="center" vertical="center"/>
    </xf>
    <xf numFmtId="38" fontId="9" fillId="0" borderId="50" xfId="6" applyFont="1" applyBorder="1" applyAlignment="1" applyProtection="1"/>
    <xf numFmtId="38" fontId="17" fillId="0" borderId="48" xfId="6" applyFont="1" applyBorder="1"/>
    <xf numFmtId="38" fontId="9" fillId="0" borderId="48" xfId="6" applyFont="1" applyBorder="1" applyAlignment="1"/>
    <xf numFmtId="38" fontId="9" fillId="0" borderId="48" xfId="6" applyFont="1" applyBorder="1" applyAlignment="1">
      <alignment horizontal="center"/>
    </xf>
    <xf numFmtId="38" fontId="17" fillId="0" borderId="48" xfId="6" applyFont="1" applyBorder="1" applyAlignment="1" applyProtection="1">
      <alignment horizontal="left" vertical="center"/>
    </xf>
    <xf numFmtId="38" fontId="9" fillId="0" borderId="51" xfId="6" applyFont="1" applyBorder="1" applyAlignment="1">
      <alignment horizontal="center"/>
    </xf>
    <xf numFmtId="38" fontId="9" fillId="0" borderId="77" xfId="6" applyFont="1" applyBorder="1" applyAlignment="1"/>
    <xf numFmtId="38" fontId="9" fillId="0" borderId="77" xfId="6" applyFont="1" applyBorder="1" applyAlignment="1" applyProtection="1">
      <alignment horizontal="center"/>
    </xf>
    <xf numFmtId="38" fontId="9" fillId="0" borderId="81" xfId="6" applyFont="1" applyBorder="1" applyAlignment="1">
      <alignment horizontal="center"/>
    </xf>
    <xf numFmtId="37" fontId="6" fillId="0" borderId="44" xfId="1" quotePrefix="1" applyFont="1" applyFill="1" applyBorder="1" applyAlignment="1">
      <alignment horizontal="center"/>
    </xf>
    <xf numFmtId="37" fontId="6" fillId="0" borderId="12" xfId="1" applyFont="1" applyFill="1" applyBorder="1" applyAlignment="1" applyProtection="1">
      <alignment horizontal="center" vertical="center" wrapText="1"/>
    </xf>
    <xf numFmtId="37" fontId="6" fillId="0" borderId="23" xfId="1" applyFont="1" applyFill="1" applyBorder="1" applyAlignment="1" applyProtection="1">
      <alignment horizontal="center" vertical="center" wrapText="1"/>
    </xf>
    <xf numFmtId="37" fontId="6" fillId="0" borderId="10" xfId="1" applyFont="1" applyFill="1" applyBorder="1" applyAlignment="1" applyProtection="1">
      <alignment horizontal="center" vertical="center" wrapText="1"/>
    </xf>
    <xf numFmtId="37" fontId="6" fillId="0" borderId="28" xfId="1" applyFont="1" applyFill="1" applyBorder="1" applyAlignment="1" applyProtection="1">
      <alignment horizontal="center" vertical="center" wrapText="1"/>
    </xf>
    <xf numFmtId="37" fontId="6" fillId="0" borderId="13" xfId="1" applyFont="1" applyFill="1" applyBorder="1" applyAlignment="1" applyProtection="1">
      <alignment horizontal="center" vertical="center" wrapText="1"/>
    </xf>
    <xf numFmtId="37" fontId="6" fillId="0" borderId="11" xfId="1" applyFont="1" applyFill="1" applyBorder="1" applyAlignment="1" applyProtection="1">
      <alignment horizontal="center" vertical="center" wrapText="1"/>
    </xf>
    <xf numFmtId="37" fontId="6" fillId="0" borderId="12" xfId="1" quotePrefix="1" applyFont="1" applyFill="1" applyBorder="1" applyAlignment="1">
      <alignment horizontal="center" vertical="center" wrapText="1"/>
    </xf>
    <xf numFmtId="0" fontId="8" fillId="0" borderId="13" xfId="0" applyFont="1" applyFill="1" applyBorder="1"/>
    <xf numFmtId="0" fontId="8" fillId="0" borderId="23" xfId="0" applyFont="1" applyFill="1" applyBorder="1"/>
    <xf numFmtId="0" fontId="8" fillId="0" borderId="10" xfId="0" applyFont="1" applyFill="1" applyBorder="1"/>
    <xf numFmtId="0" fontId="8" fillId="0" borderId="11" xfId="0" applyFont="1" applyFill="1" applyBorder="1"/>
    <xf numFmtId="0" fontId="8" fillId="0" borderId="28" xfId="0" applyFont="1" applyFill="1" applyBorder="1"/>
    <xf numFmtId="37" fontId="6" fillId="0" borderId="12" xfId="1" quotePrefix="1" applyFont="1" applyFill="1" applyBorder="1" applyAlignment="1" applyProtection="1">
      <alignment horizontal="center" vertical="center" wrapText="1"/>
    </xf>
    <xf numFmtId="37" fontId="6" fillId="0" borderId="13" xfId="1" quotePrefix="1" applyFont="1" applyFill="1" applyBorder="1" applyAlignment="1" applyProtection="1">
      <alignment horizontal="center" vertical="center" wrapText="1"/>
    </xf>
    <xf numFmtId="37" fontId="6" fillId="0" borderId="23" xfId="1" quotePrefix="1" applyFont="1" applyFill="1" applyBorder="1" applyAlignment="1" applyProtection="1">
      <alignment horizontal="center" vertical="center" wrapText="1"/>
    </xf>
    <xf numFmtId="37" fontId="6" fillId="0" borderId="10" xfId="1" quotePrefix="1" applyFont="1" applyFill="1" applyBorder="1" applyAlignment="1" applyProtection="1">
      <alignment horizontal="center" vertical="center" wrapText="1"/>
    </xf>
    <xf numFmtId="37" fontId="6" fillId="0" borderId="11" xfId="1" quotePrefix="1" applyFont="1" applyFill="1" applyBorder="1" applyAlignment="1" applyProtection="1">
      <alignment horizontal="center" vertical="center" wrapText="1"/>
    </xf>
    <xf numFmtId="37" fontId="6" fillId="0" borderId="28" xfId="1" quotePrefix="1" applyFont="1" applyFill="1" applyBorder="1" applyAlignment="1" applyProtection="1">
      <alignment horizontal="center" vertical="center" wrapText="1"/>
    </xf>
    <xf numFmtId="37" fontId="6" fillId="0" borderId="12" xfId="1" applyFont="1" applyFill="1" applyBorder="1" applyAlignment="1">
      <alignment horizontal="center" vertical="center"/>
    </xf>
    <xf numFmtId="37" fontId="6" fillId="0" borderId="13" xfId="1" applyFont="1" applyFill="1" applyBorder="1" applyAlignment="1">
      <alignment horizontal="center" vertical="center"/>
    </xf>
    <xf numFmtId="37" fontId="6" fillId="0" borderId="14" xfId="1" applyFont="1" applyFill="1" applyBorder="1" applyAlignment="1">
      <alignment horizontal="center" vertical="center"/>
    </xf>
    <xf numFmtId="37" fontId="6" fillId="0" borderId="10" xfId="1" applyFont="1" applyFill="1" applyBorder="1" applyAlignment="1">
      <alignment horizontal="center" vertical="center"/>
    </xf>
    <xf numFmtId="37" fontId="6" fillId="0" borderId="11" xfId="1" applyFont="1" applyFill="1" applyBorder="1" applyAlignment="1">
      <alignment horizontal="center" vertical="center"/>
    </xf>
    <xf numFmtId="37" fontId="6" fillId="0" borderId="27" xfId="1" applyFont="1" applyFill="1" applyBorder="1" applyAlignment="1">
      <alignment horizontal="center" vertical="center"/>
    </xf>
    <xf numFmtId="37" fontId="6" fillId="0" borderId="15" xfId="1" applyFont="1" applyFill="1" applyBorder="1" applyAlignment="1" applyProtection="1">
      <alignment horizontal="center" vertical="center"/>
    </xf>
    <xf numFmtId="37" fontId="6" fillId="0" borderId="0" xfId="1" applyFont="1" applyFill="1" applyBorder="1" applyAlignment="1" applyProtection="1">
      <alignment horizontal="center" vertical="center"/>
    </xf>
    <xf numFmtId="37" fontId="6" fillId="0" borderId="16" xfId="1" applyFont="1" applyFill="1" applyBorder="1" applyAlignment="1" applyProtection="1">
      <alignment horizontal="center" vertical="center"/>
    </xf>
    <xf numFmtId="37" fontId="6" fillId="0" borderId="10" xfId="1" applyFont="1" applyFill="1" applyBorder="1" applyAlignment="1" applyProtection="1">
      <alignment horizontal="center" vertical="center"/>
    </xf>
    <xf numFmtId="37" fontId="6" fillId="0" borderId="11" xfId="1" applyFont="1" applyFill="1" applyBorder="1" applyAlignment="1" applyProtection="1">
      <alignment horizontal="center" vertical="center"/>
    </xf>
    <xf numFmtId="37" fontId="6" fillId="0" borderId="28" xfId="1" applyFont="1" applyFill="1" applyBorder="1" applyAlignment="1" applyProtection="1">
      <alignment horizontal="center" vertical="center"/>
    </xf>
    <xf numFmtId="37" fontId="6" fillId="0" borderId="12" xfId="1" applyFont="1" applyFill="1" applyBorder="1" applyAlignment="1" applyProtection="1">
      <alignment horizontal="center" vertical="center"/>
    </xf>
    <xf numFmtId="37" fontId="6" fillId="0" borderId="13" xfId="1" applyFont="1" applyFill="1" applyBorder="1" applyAlignment="1" applyProtection="1">
      <alignment horizontal="center" vertical="center"/>
    </xf>
    <xf numFmtId="37" fontId="6" fillId="0" borderId="17" xfId="1" applyFont="1" applyFill="1" applyBorder="1" applyAlignment="1" applyProtection="1">
      <alignment horizontal="distributed" vertical="center" wrapText="1" justifyLastLine="1"/>
    </xf>
    <xf numFmtId="0" fontId="8" fillId="0" borderId="9" xfId="0" applyFont="1" applyFill="1" applyBorder="1" applyAlignment="1">
      <alignment horizontal="distributed" vertical="center" wrapText="1" justifyLastLine="1"/>
    </xf>
    <xf numFmtId="0" fontId="8" fillId="0" borderId="32" xfId="0" applyFont="1" applyFill="1" applyBorder="1" applyAlignment="1">
      <alignment horizontal="distributed" vertical="center" wrapText="1" justifyLastLine="1"/>
    </xf>
    <xf numFmtId="37" fontId="6" fillId="0" borderId="18" xfId="1" applyFont="1" applyFill="1" applyBorder="1" applyAlignment="1">
      <alignment horizontal="center"/>
    </xf>
    <xf numFmtId="37" fontId="6" fillId="0" borderId="19" xfId="1" applyFont="1" applyFill="1" applyBorder="1" applyAlignment="1">
      <alignment horizontal="center"/>
    </xf>
    <xf numFmtId="37" fontId="6" fillId="0" borderId="20" xfId="1" applyFont="1" applyFill="1" applyBorder="1" applyAlignment="1">
      <alignment horizontal="center"/>
    </xf>
    <xf numFmtId="0" fontId="6" fillId="0" borderId="18" xfId="0" applyFont="1" applyFill="1" applyBorder="1" applyAlignment="1">
      <alignment horizontal="center"/>
    </xf>
    <xf numFmtId="0" fontId="6" fillId="0" borderId="21" xfId="0" applyFont="1" applyFill="1" applyBorder="1" applyAlignment="1">
      <alignment horizontal="center"/>
    </xf>
    <xf numFmtId="0" fontId="6" fillId="0" borderId="20" xfId="0" applyFont="1" applyFill="1" applyBorder="1" applyAlignment="1">
      <alignment horizontal="center"/>
    </xf>
    <xf numFmtId="0" fontId="6" fillId="0" borderId="19" xfId="0" applyFont="1" applyFill="1" applyBorder="1" applyAlignment="1">
      <alignment horizontal="center" justifyLastLine="1"/>
    </xf>
    <xf numFmtId="0" fontId="6" fillId="0" borderId="21" xfId="0" applyFont="1" applyFill="1" applyBorder="1" applyAlignment="1">
      <alignment horizontal="center" justifyLastLine="1"/>
    </xf>
    <xf numFmtId="37" fontId="6" fillId="0" borderId="18" xfId="1" applyFont="1" applyFill="1" applyBorder="1" applyAlignment="1" applyProtection="1">
      <alignment horizontal="distributed" justifyLastLine="1"/>
    </xf>
    <xf numFmtId="0" fontId="8" fillId="0" borderId="21" xfId="0" applyFont="1" applyFill="1" applyBorder="1" applyAlignment="1">
      <alignment horizontal="distributed" justifyLastLine="1"/>
    </xf>
    <xf numFmtId="37" fontId="6" fillId="0" borderId="14" xfId="1" quotePrefix="1" applyFont="1" applyFill="1" applyBorder="1" applyAlignment="1" applyProtection="1">
      <alignment horizontal="center" vertical="center" wrapText="1"/>
    </xf>
    <xf numFmtId="37" fontId="6" fillId="0" borderId="27" xfId="1" quotePrefix="1" applyFont="1" applyFill="1" applyBorder="1" applyAlignment="1" applyProtection="1">
      <alignment horizontal="center" vertical="center" wrapText="1"/>
    </xf>
    <xf numFmtId="37" fontId="6" fillId="0" borderId="18" xfId="1" applyFont="1" applyFill="1" applyBorder="1" applyAlignment="1" applyProtection="1">
      <alignment horizontal="center"/>
    </xf>
    <xf numFmtId="0" fontId="8" fillId="0" borderId="19" xfId="0" applyFont="1" applyFill="1" applyBorder="1" applyAlignment="1">
      <alignment horizontal="center"/>
    </xf>
    <xf numFmtId="0" fontId="8" fillId="0" borderId="21" xfId="0" applyFont="1" applyFill="1" applyBorder="1" applyAlignment="1">
      <alignment horizontal="center"/>
    </xf>
    <xf numFmtId="37" fontId="6" fillId="0" borderId="25" xfId="1" applyFont="1" applyFill="1" applyBorder="1" applyAlignment="1" applyProtection="1">
      <alignment horizontal="center" vertical="center" wrapText="1"/>
    </xf>
    <xf numFmtId="37" fontId="6" fillId="0" borderId="30" xfId="1" applyFont="1" applyFill="1" applyBorder="1" applyAlignment="1" applyProtection="1">
      <alignment horizontal="center" vertical="center"/>
    </xf>
    <xf numFmtId="37" fontId="6" fillId="0" borderId="35" xfId="1" applyFont="1" applyFill="1" applyBorder="1" applyAlignment="1" applyProtection="1">
      <alignment horizontal="center" vertical="center"/>
    </xf>
    <xf numFmtId="37" fontId="6" fillId="0" borderId="8" xfId="1" applyFont="1" applyFill="1" applyBorder="1" applyAlignment="1" applyProtection="1">
      <alignment horizontal="center" vertical="center" wrapText="1"/>
    </xf>
    <xf numFmtId="37" fontId="6" fillId="0" borderId="7" xfId="1" applyFont="1" applyFill="1" applyBorder="1" applyAlignment="1" applyProtection="1">
      <alignment horizontal="center" vertical="center" wrapText="1"/>
    </xf>
    <xf numFmtId="37" fontId="6" fillId="0" borderId="26" xfId="1" applyFont="1" applyFill="1" applyBorder="1" applyAlignment="1" applyProtection="1">
      <alignment horizontal="center" vertical="center" wrapText="1"/>
    </xf>
    <xf numFmtId="37" fontId="6" fillId="0" borderId="22" xfId="1" applyFont="1" applyFill="1" applyBorder="1" applyAlignment="1" applyProtection="1">
      <alignment horizontal="center" vertical="center" wrapText="1"/>
    </xf>
    <xf numFmtId="37" fontId="6" fillId="0" borderId="31" xfId="1" applyFont="1" applyFill="1" applyBorder="1" applyAlignment="1" applyProtection="1">
      <alignment horizontal="center" vertical="center" wrapText="1"/>
    </xf>
    <xf numFmtId="37" fontId="6" fillId="0" borderId="27" xfId="1" applyFont="1" applyFill="1" applyBorder="1" applyAlignment="1" applyProtection="1">
      <alignment horizontal="center" vertical="center" wrapText="1"/>
    </xf>
    <xf numFmtId="37" fontId="6" fillId="0" borderId="2" xfId="1" applyFont="1" applyFill="1" applyBorder="1" applyAlignment="1">
      <alignment horizontal="center"/>
    </xf>
    <xf numFmtId="37" fontId="6" fillId="0" borderId="3" xfId="1" applyFont="1" applyFill="1" applyBorder="1" applyAlignment="1">
      <alignment horizontal="center"/>
    </xf>
    <xf numFmtId="37" fontId="6" fillId="0" borderId="4" xfId="1" applyFont="1" applyFill="1" applyBorder="1" applyAlignment="1">
      <alignment horizontal="center"/>
    </xf>
    <xf numFmtId="37" fontId="6" fillId="0" borderId="2" xfId="1" applyFont="1" applyFill="1" applyBorder="1" applyAlignment="1" applyProtection="1">
      <alignment horizontal="center"/>
    </xf>
    <xf numFmtId="0" fontId="8" fillId="0" borderId="3" xfId="0" applyFont="1" applyFill="1" applyBorder="1" applyAlignment="1">
      <alignment horizontal="center"/>
    </xf>
    <xf numFmtId="0" fontId="8" fillId="0" borderId="4" xfId="0" applyFont="1" applyFill="1" applyBorder="1" applyAlignment="1">
      <alignment horizontal="center"/>
    </xf>
    <xf numFmtId="37" fontId="6" fillId="0" borderId="5" xfId="1" applyFont="1" applyFill="1" applyBorder="1" applyAlignment="1">
      <alignment horizontal="center"/>
    </xf>
    <xf numFmtId="0" fontId="6" fillId="0" borderId="3" xfId="0" applyFont="1" applyFill="1" applyBorder="1" applyAlignment="1">
      <alignment horizontal="center"/>
    </xf>
    <xf numFmtId="37" fontId="6" fillId="0" borderId="6" xfId="1" applyFont="1" applyFill="1" applyBorder="1" applyAlignment="1" applyProtection="1">
      <alignment horizontal="center" vertical="center" wrapText="1"/>
    </xf>
    <xf numFmtId="37" fontId="6" fillId="0" borderId="15" xfId="1" applyFont="1" applyFill="1" applyBorder="1" applyAlignment="1" applyProtection="1">
      <alignment horizontal="center" vertical="center" wrapText="1"/>
    </xf>
    <xf numFmtId="37" fontId="6" fillId="0" borderId="5" xfId="1" applyFont="1" applyFill="1" applyBorder="1" applyAlignment="1" applyProtection="1">
      <alignment horizontal="center"/>
    </xf>
    <xf numFmtId="37" fontId="6" fillId="0" borderId="21" xfId="1" applyFont="1" applyFill="1" applyBorder="1" applyAlignment="1">
      <alignment horizontal="center"/>
    </xf>
    <xf numFmtId="37" fontId="6" fillId="0" borderId="12" xfId="1" applyFont="1" applyFill="1" applyBorder="1" applyAlignment="1" applyProtection="1">
      <alignment horizontal="distributed" vertical="center" wrapText="1" justifyLastLine="1"/>
    </xf>
    <xf numFmtId="0" fontId="8" fillId="0" borderId="14" xfId="0" applyFont="1" applyFill="1" applyBorder="1" applyAlignment="1">
      <alignment horizontal="distributed" vertical="center" wrapText="1" justifyLastLine="1"/>
    </xf>
    <xf numFmtId="0" fontId="8" fillId="0" borderId="10" xfId="0" applyFont="1" applyFill="1" applyBorder="1" applyAlignment="1">
      <alignment horizontal="distributed" vertical="center" wrapText="1" justifyLastLine="1"/>
    </xf>
    <xf numFmtId="0" fontId="8" fillId="0" borderId="27" xfId="0" applyFont="1" applyFill="1" applyBorder="1" applyAlignment="1">
      <alignment horizontal="distributed" vertical="center" wrapText="1" justifyLastLine="1"/>
    </xf>
    <xf numFmtId="37" fontId="6" fillId="0" borderId="23" xfId="1" applyFont="1" applyFill="1" applyBorder="1" applyAlignment="1">
      <alignment horizontal="center" vertical="center" wrapText="1"/>
    </xf>
    <xf numFmtId="37" fontId="6" fillId="0" borderId="16" xfId="1" applyFont="1" applyFill="1" applyBorder="1" applyAlignment="1">
      <alignment horizontal="center" vertical="center" wrapText="1"/>
    </xf>
    <xf numFmtId="37" fontId="6" fillId="0" borderId="40" xfId="1" applyFont="1" applyFill="1" applyBorder="1" applyAlignment="1">
      <alignment horizontal="center" vertical="center" wrapText="1"/>
    </xf>
    <xf numFmtId="37" fontId="6" fillId="0" borderId="24" xfId="1" applyFont="1" applyFill="1" applyBorder="1" applyAlignment="1" applyProtection="1">
      <alignment horizontal="center" vertical="center" wrapText="1"/>
    </xf>
    <xf numFmtId="37" fontId="6" fillId="0" borderId="29" xfId="1" applyFont="1" applyFill="1" applyBorder="1" applyAlignment="1" applyProtection="1">
      <alignment horizontal="center" vertical="center"/>
    </xf>
    <xf numFmtId="37" fontId="6" fillId="0" borderId="34" xfId="1" applyFont="1" applyFill="1" applyBorder="1" applyAlignment="1" applyProtection="1">
      <alignment horizontal="center" vertical="center"/>
    </xf>
    <xf numFmtId="37" fontId="6" fillId="0" borderId="17" xfId="2" applyFont="1" applyBorder="1" applyAlignment="1" applyProtection="1">
      <alignment horizontal="distributed" vertical="center" justifyLastLine="1"/>
    </xf>
    <xf numFmtId="37" fontId="6" fillId="0" borderId="47" xfId="2" applyFont="1" applyBorder="1" applyAlignment="1" applyProtection="1">
      <alignment horizontal="distributed" vertical="center" justifyLastLine="1"/>
    </xf>
    <xf numFmtId="37" fontId="6" fillId="0" borderId="96" xfId="2" applyFont="1" applyBorder="1" applyAlignment="1" applyProtection="1">
      <alignment horizontal="center" vertical="center"/>
    </xf>
    <xf numFmtId="0" fontId="7" fillId="0" borderId="96" xfId="0" applyFont="1" applyBorder="1" applyAlignment="1">
      <alignment horizontal="center" vertical="center"/>
    </xf>
    <xf numFmtId="37" fontId="6" fillId="0" borderId="94" xfId="2" applyFont="1" applyBorder="1" applyAlignment="1" applyProtection="1">
      <alignment horizontal="center" vertical="center"/>
    </xf>
    <xf numFmtId="0" fontId="7" fillId="0" borderId="94" xfId="0" applyFont="1" applyBorder="1" applyAlignment="1">
      <alignment horizontal="center" vertical="center"/>
    </xf>
    <xf numFmtId="37" fontId="6" fillId="0" borderId="95" xfId="2" applyFont="1" applyBorder="1" applyAlignment="1" applyProtection="1">
      <alignment horizontal="center" vertical="center"/>
    </xf>
    <xf numFmtId="0" fontId="7" fillId="0" borderId="95" xfId="0" applyFont="1" applyBorder="1" applyAlignment="1">
      <alignment horizontal="center" vertical="center"/>
    </xf>
    <xf numFmtId="0" fontId="7" fillId="0" borderId="90" xfId="0" applyFont="1" applyBorder="1" applyAlignment="1">
      <alignment horizontal="center" vertical="center"/>
    </xf>
    <xf numFmtId="37" fontId="6" fillId="0" borderId="68" xfId="2" applyFont="1" applyBorder="1" applyAlignment="1">
      <alignment horizontal="right" vertical="top"/>
    </xf>
    <xf numFmtId="37" fontId="6" fillId="0" borderId="0" xfId="2" applyFont="1" applyAlignment="1">
      <alignment horizontal="right" vertical="top"/>
    </xf>
    <xf numFmtId="37" fontId="6" fillId="0" borderId="55" xfId="2" applyFont="1" applyBorder="1" applyAlignment="1" applyProtection="1">
      <alignment horizontal="distributed" vertical="center" justifyLastLine="1"/>
    </xf>
    <xf numFmtId="0" fontId="7" fillId="0" borderId="92" xfId="0" applyFont="1" applyBorder="1" applyAlignment="1">
      <alignment horizontal="center" vertical="center"/>
    </xf>
    <xf numFmtId="0" fontId="7" fillId="0" borderId="91" xfId="0" applyFont="1" applyBorder="1" applyAlignment="1">
      <alignment horizontal="center" vertical="center"/>
    </xf>
    <xf numFmtId="37" fontId="6" fillId="0" borderId="100" xfId="2" applyFont="1" applyFill="1" applyBorder="1" applyAlignment="1">
      <alignment horizontal="center" vertical="center" wrapText="1"/>
    </xf>
    <xf numFmtId="37" fontId="6" fillId="0" borderId="99" xfId="2" applyFont="1" applyFill="1" applyBorder="1" applyAlignment="1">
      <alignment horizontal="center" vertical="center" wrapText="1"/>
    </xf>
    <xf numFmtId="37" fontId="6" fillId="0" borderId="15" xfId="2" applyFont="1" applyFill="1" applyBorder="1" applyAlignment="1">
      <alignment horizontal="center" vertical="center" wrapText="1"/>
    </xf>
    <xf numFmtId="37" fontId="6" fillId="0" borderId="0" xfId="2" applyFont="1" applyFill="1" applyBorder="1" applyAlignment="1">
      <alignment horizontal="center" vertical="center" wrapText="1"/>
    </xf>
    <xf numFmtId="37" fontId="6" fillId="0" borderId="56" xfId="2" applyFont="1" applyFill="1" applyBorder="1" applyAlignment="1">
      <alignment horizontal="center" vertical="center" wrapText="1"/>
    </xf>
    <xf numFmtId="37" fontId="6" fillId="0" borderId="59" xfId="2" applyFont="1" applyFill="1" applyBorder="1" applyAlignment="1">
      <alignment horizontal="center" vertical="center" wrapText="1"/>
    </xf>
    <xf numFmtId="37" fontId="6" fillId="0" borderId="17" xfId="2" applyFont="1" applyFill="1" applyBorder="1" applyAlignment="1" applyProtection="1">
      <alignment horizontal="distributed" vertical="center" justifyLastLine="1"/>
    </xf>
    <xf numFmtId="37" fontId="6" fillId="0" borderId="47" xfId="2" applyFont="1" applyFill="1" applyBorder="1" applyAlignment="1" applyProtection="1">
      <alignment horizontal="distributed" vertical="center" justifyLastLine="1"/>
    </xf>
    <xf numFmtId="37" fontId="6" fillId="0" borderId="94" xfId="2" applyFont="1" applyFill="1" applyBorder="1" applyAlignment="1" applyProtection="1">
      <alignment horizontal="center" vertical="center"/>
    </xf>
    <xf numFmtId="0" fontId="7" fillId="0" borderId="94" xfId="0" applyFont="1" applyFill="1" applyBorder="1" applyAlignment="1">
      <alignment horizontal="center" vertical="center"/>
    </xf>
    <xf numFmtId="37" fontId="6" fillId="0" borderId="18" xfId="2" applyFont="1" applyFill="1" applyBorder="1" applyAlignment="1" applyProtection="1">
      <alignment horizontal="center" vertical="center"/>
    </xf>
    <xf numFmtId="0" fontId="7" fillId="0" borderId="21" xfId="0" applyFont="1" applyFill="1" applyBorder="1" applyAlignment="1">
      <alignment horizontal="center" vertical="center"/>
    </xf>
    <xf numFmtId="37" fontId="6" fillId="0" borderId="18" xfId="2" applyFont="1" applyFill="1" applyBorder="1" applyAlignment="1">
      <alignment horizontal="center" vertical="center"/>
    </xf>
    <xf numFmtId="0" fontId="7" fillId="0" borderId="113" xfId="0" applyFont="1" applyFill="1" applyBorder="1" applyAlignment="1">
      <alignment horizontal="center" vertical="center"/>
    </xf>
    <xf numFmtId="37" fontId="6" fillId="0" borderId="112" xfId="2" applyFont="1" applyFill="1" applyBorder="1" applyAlignment="1">
      <alignment horizontal="center" vertical="center"/>
    </xf>
    <xf numFmtId="37" fontId="6" fillId="0" borderId="105" xfId="2" applyFont="1" applyBorder="1" applyAlignment="1" applyProtection="1">
      <alignment horizontal="distributed" vertical="center" justifyLastLine="1"/>
    </xf>
    <xf numFmtId="37" fontId="6" fillId="0" borderId="103" xfId="2" applyFont="1" applyBorder="1" applyAlignment="1" applyProtection="1">
      <alignment horizontal="center" vertical="center"/>
    </xf>
    <xf numFmtId="37" fontId="6" fillId="0" borderId="101" xfId="2" applyFont="1" applyBorder="1" applyAlignment="1" applyProtection="1">
      <alignment horizontal="center" vertical="center"/>
    </xf>
    <xf numFmtId="37" fontId="6" fillId="0" borderId="102" xfId="2" applyFont="1" applyBorder="1" applyAlignment="1" applyProtection="1">
      <alignment horizontal="center" vertical="center"/>
    </xf>
    <xf numFmtId="37" fontId="6" fillId="0" borderId="96" xfId="2" applyFont="1" applyFill="1" applyBorder="1" applyAlignment="1" applyProtection="1">
      <alignment horizontal="center" vertical="center"/>
    </xf>
    <xf numFmtId="0" fontId="7" fillId="0" borderId="96" xfId="0" applyFont="1" applyFill="1" applyBorder="1" applyAlignment="1">
      <alignment horizontal="center" vertical="center"/>
    </xf>
    <xf numFmtId="37" fontId="6" fillId="0" borderId="95" xfId="2" applyFont="1" applyFill="1" applyBorder="1" applyAlignment="1" applyProtection="1">
      <alignment horizontal="center" vertical="center"/>
    </xf>
    <xf numFmtId="0" fontId="7" fillId="0" borderId="95" xfId="0" applyFont="1" applyFill="1" applyBorder="1" applyAlignment="1">
      <alignment horizontal="center" vertical="center"/>
    </xf>
    <xf numFmtId="37" fontId="6" fillId="0" borderId="21" xfId="2" applyFont="1" applyFill="1" applyBorder="1" applyAlignment="1" applyProtection="1">
      <alignment horizontal="center" vertical="center"/>
    </xf>
    <xf numFmtId="37" fontId="6" fillId="0" borderId="21" xfId="2" applyFont="1" applyFill="1" applyBorder="1" applyAlignment="1">
      <alignment horizontal="center" vertical="center"/>
    </xf>
    <xf numFmtId="37" fontId="6" fillId="0" borderId="10" xfId="2" applyFont="1" applyFill="1" applyBorder="1" applyAlignment="1" applyProtection="1">
      <alignment horizontal="center" vertical="center"/>
    </xf>
    <xf numFmtId="0" fontId="7" fillId="0" borderId="28" xfId="0" applyFont="1" applyFill="1" applyBorder="1" applyAlignment="1">
      <alignment horizontal="center" vertical="center"/>
    </xf>
    <xf numFmtId="37" fontId="6" fillId="0" borderId="10" xfId="2" applyFont="1" applyFill="1" applyBorder="1" applyAlignment="1">
      <alignment horizontal="center" vertical="center"/>
    </xf>
    <xf numFmtId="0" fontId="7" fillId="0" borderId="115" xfId="0" applyFont="1" applyFill="1" applyBorder="1" applyAlignment="1">
      <alignment horizontal="center" vertical="center"/>
    </xf>
    <xf numFmtId="37" fontId="6" fillId="0" borderId="114" xfId="2" applyFont="1" applyFill="1" applyBorder="1" applyAlignment="1">
      <alignment horizontal="center" vertical="center"/>
    </xf>
    <xf numFmtId="37" fontId="6" fillId="0" borderId="12" xfId="2" applyFont="1" applyFill="1" applyBorder="1" applyAlignment="1" applyProtection="1">
      <alignment horizontal="center" vertical="center"/>
    </xf>
    <xf numFmtId="0" fontId="7" fillId="0" borderId="23" xfId="0" applyFont="1" applyFill="1" applyBorder="1" applyAlignment="1">
      <alignment horizontal="center" vertical="center"/>
    </xf>
    <xf numFmtId="37" fontId="6" fillId="0" borderId="12" xfId="2" applyFont="1" applyFill="1" applyBorder="1" applyAlignment="1">
      <alignment horizontal="center" vertical="center"/>
    </xf>
    <xf numFmtId="37" fontId="6" fillId="0" borderId="117" xfId="2" applyFont="1" applyFill="1" applyBorder="1" applyAlignment="1">
      <alignment horizontal="center" vertical="center"/>
    </xf>
    <xf numFmtId="37" fontId="6" fillId="0" borderId="113" xfId="2" applyFont="1" applyFill="1" applyBorder="1" applyAlignment="1">
      <alignment horizontal="center" vertical="center"/>
    </xf>
    <xf numFmtId="0" fontId="7" fillId="0" borderId="21" xfId="0" applyFont="1" applyBorder="1" applyAlignment="1">
      <alignment horizontal="center" vertical="center"/>
    </xf>
    <xf numFmtId="0" fontId="7" fillId="0" borderId="113" xfId="0" applyFont="1" applyBorder="1" applyAlignment="1">
      <alignment horizontal="center" vertical="center"/>
    </xf>
    <xf numFmtId="37" fontId="6" fillId="0" borderId="119" xfId="2" applyFont="1" applyBorder="1" applyAlignment="1" applyProtection="1">
      <alignment horizontal="center" vertical="center"/>
    </xf>
    <xf numFmtId="0" fontId="7" fillId="0" borderId="118" xfId="0" applyFont="1" applyBorder="1" applyAlignment="1">
      <alignment horizontal="center" vertical="center"/>
    </xf>
    <xf numFmtId="37" fontId="6" fillId="0" borderId="18" xfId="2" applyFont="1" applyBorder="1" applyAlignment="1">
      <alignment horizontal="center" vertical="center"/>
    </xf>
    <xf numFmtId="37" fontId="6" fillId="0" borderId="112" xfId="2" applyFont="1" applyBorder="1" applyAlignment="1">
      <alignment horizontal="center" vertical="center"/>
    </xf>
    <xf numFmtId="37" fontId="6" fillId="0" borderId="123" xfId="2" applyFont="1" applyBorder="1" applyAlignment="1" applyProtection="1">
      <alignment horizontal="center" vertical="center"/>
    </xf>
    <xf numFmtId="37" fontId="6" fillId="0" borderId="122" xfId="2" applyFont="1" applyBorder="1" applyAlignment="1" applyProtection="1">
      <alignment horizontal="center" vertical="center"/>
    </xf>
    <xf numFmtId="37" fontId="6" fillId="0" borderId="9" xfId="2" applyFont="1" applyBorder="1" applyAlignment="1" applyProtection="1">
      <alignment horizontal="distributed" vertical="center" justifyLastLine="1"/>
    </xf>
    <xf numFmtId="37" fontId="6" fillId="0" borderId="24" xfId="2" applyFont="1" applyFill="1" applyBorder="1" applyAlignment="1" applyProtection="1">
      <alignment horizontal="center" vertical="center" wrapText="1"/>
    </xf>
    <xf numFmtId="37" fontId="6" fillId="0" borderId="34" xfId="2" applyFont="1" applyFill="1" applyBorder="1" applyAlignment="1" applyProtection="1">
      <alignment horizontal="center" vertical="center" wrapText="1"/>
    </xf>
    <xf numFmtId="37" fontId="6" fillId="0" borderId="25" xfId="2" applyFont="1" applyFill="1" applyBorder="1" applyAlignment="1" applyProtection="1">
      <alignment horizontal="center" vertical="center"/>
    </xf>
    <xf numFmtId="37" fontId="6" fillId="0" borderId="35" xfId="2" applyFont="1" applyFill="1" applyBorder="1" applyAlignment="1" applyProtection="1">
      <alignment horizontal="center" vertical="center"/>
    </xf>
    <xf numFmtId="37" fontId="6" fillId="0" borderId="37" xfId="2" applyFont="1" applyFill="1" applyBorder="1" applyAlignment="1" applyProtection="1">
      <alignment horizontal="center" vertical="center"/>
    </xf>
    <xf numFmtId="0" fontId="7" fillId="0" borderId="121" xfId="0" applyFont="1" applyFill="1" applyBorder="1" applyAlignment="1">
      <alignment horizontal="center" vertical="center"/>
    </xf>
    <xf numFmtId="37" fontId="6" fillId="0" borderId="120" xfId="2" applyFont="1" applyFill="1" applyBorder="1" applyAlignment="1" applyProtection="1">
      <alignment horizontal="center" vertical="center"/>
    </xf>
    <xf numFmtId="0" fontId="7" fillId="0" borderId="83" xfId="0" applyFont="1" applyFill="1" applyBorder="1" applyAlignment="1">
      <alignment horizontal="center" vertical="center"/>
    </xf>
    <xf numFmtId="37" fontId="6" fillId="0" borderId="6" xfId="2" applyFont="1" applyFill="1" applyBorder="1" applyAlignment="1" applyProtection="1">
      <alignment horizontal="center" vertical="center" wrapText="1"/>
    </xf>
    <xf numFmtId="0" fontId="7" fillId="0" borderId="125" xfId="0" applyFont="1" applyFill="1" applyBorder="1" applyAlignment="1">
      <alignment horizontal="center" vertical="center" wrapText="1"/>
    </xf>
    <xf numFmtId="37" fontId="6" fillId="0" borderId="15" xfId="2" applyFont="1" applyFill="1" applyBorder="1" applyAlignment="1" applyProtection="1">
      <alignment horizontal="center" vertical="center" wrapText="1"/>
    </xf>
    <xf numFmtId="0" fontId="7" fillId="0" borderId="16" xfId="0" applyFont="1" applyFill="1" applyBorder="1" applyAlignment="1">
      <alignment horizontal="center" vertical="center" wrapText="1"/>
    </xf>
    <xf numFmtId="37" fontId="6" fillId="0" borderId="33" xfId="2" applyFont="1" applyFill="1" applyBorder="1" applyAlignment="1" applyProtection="1">
      <alignment horizontal="center" vertical="center" wrapText="1"/>
    </xf>
    <xf numFmtId="0" fontId="7" fillId="0" borderId="40" xfId="0" applyFont="1" applyFill="1" applyBorder="1" applyAlignment="1">
      <alignment horizontal="center" vertical="center" wrapText="1"/>
    </xf>
    <xf numFmtId="37" fontId="6" fillId="0" borderId="124" xfId="2" applyFont="1" applyFill="1" applyBorder="1" applyAlignment="1" applyProtection="1">
      <alignment horizontal="center" vertical="center" wrapText="1"/>
    </xf>
    <xf numFmtId="37" fontId="6" fillId="0" borderId="29" xfId="2" applyFont="1" applyFill="1" applyBorder="1" applyAlignment="1" applyProtection="1">
      <alignment horizontal="center" vertical="center" wrapText="1"/>
    </xf>
    <xf numFmtId="37" fontId="6" fillId="0" borderId="68" xfId="2" applyFont="1" applyFill="1" applyBorder="1" applyAlignment="1" applyProtection="1">
      <alignment horizontal="center" vertical="center" wrapText="1"/>
    </xf>
    <xf numFmtId="37" fontId="6" fillId="0" borderId="125" xfId="2" applyFont="1" applyFill="1" applyBorder="1" applyAlignment="1" applyProtection="1">
      <alignment horizontal="center" vertical="center" wrapText="1"/>
    </xf>
    <xf numFmtId="37" fontId="6" fillId="0" borderId="0" xfId="2" applyFont="1" applyFill="1" applyBorder="1" applyAlignment="1" applyProtection="1">
      <alignment horizontal="center" vertical="center" wrapText="1"/>
    </xf>
    <xf numFmtId="37" fontId="6" fillId="0" borderId="16" xfId="2" applyFont="1" applyFill="1" applyBorder="1" applyAlignment="1" applyProtection="1">
      <alignment horizontal="center" vertical="center" wrapText="1"/>
    </xf>
    <xf numFmtId="37" fontId="6" fillId="0" borderId="6" xfId="2" applyFont="1" applyFill="1" applyBorder="1" applyAlignment="1" applyProtection="1">
      <alignment horizontal="center" vertical="center" shrinkToFit="1"/>
    </xf>
    <xf numFmtId="37" fontId="6" fillId="0" borderId="7" xfId="2" applyFont="1" applyFill="1" applyBorder="1" applyAlignment="1" applyProtection="1">
      <alignment horizontal="center" vertical="center" shrinkToFit="1"/>
    </xf>
    <xf numFmtId="37" fontId="6" fillId="0" borderId="10" xfId="2" applyFont="1" applyFill="1" applyBorder="1" applyAlignment="1" applyProtection="1">
      <alignment horizontal="center" vertical="center" shrinkToFit="1"/>
    </xf>
    <xf numFmtId="37" fontId="6" fillId="0" borderId="27" xfId="2" applyFont="1" applyFill="1" applyBorder="1" applyAlignment="1" applyProtection="1">
      <alignment horizontal="center" vertical="center" shrinkToFit="1"/>
    </xf>
    <xf numFmtId="0" fontId="6" fillId="2" borderId="66" xfId="5" applyFont="1" applyFill="1" applyBorder="1" applyAlignment="1">
      <alignment horizontal="distributed" justifyLastLine="1"/>
    </xf>
    <xf numFmtId="0" fontId="6" fillId="2" borderId="204" xfId="5" applyFont="1" applyFill="1" applyBorder="1" applyAlignment="1">
      <alignment horizontal="distributed" justifyLastLine="1"/>
    </xf>
    <xf numFmtId="0" fontId="6" fillId="0" borderId="66" xfId="5" applyFont="1" applyFill="1" applyBorder="1" applyAlignment="1">
      <alignment horizontal="distributed" justifyLastLine="1"/>
    </xf>
    <xf numFmtId="0" fontId="6" fillId="0" borderId="207" xfId="5" applyFont="1" applyFill="1" applyBorder="1" applyAlignment="1">
      <alignment horizontal="distributed" justifyLastLine="1"/>
    </xf>
    <xf numFmtId="0" fontId="6" fillId="0" borderId="204" xfId="5" applyFont="1" applyFill="1" applyBorder="1" applyAlignment="1">
      <alignment horizontal="distributed" justifyLastLine="1"/>
    </xf>
    <xf numFmtId="0" fontId="6" fillId="2" borderId="43" xfId="5" applyFont="1" applyFill="1" applyBorder="1" applyAlignment="1">
      <alignment horizontal="distributed" justifyLastLine="1"/>
    </xf>
    <xf numFmtId="0" fontId="6" fillId="2" borderId="201" xfId="5" applyFont="1" applyFill="1" applyBorder="1" applyAlignment="1">
      <alignment horizontal="distributed" justifyLastLine="1"/>
    </xf>
    <xf numFmtId="0" fontId="6" fillId="0" borderId="43" xfId="5" applyFont="1" applyFill="1" applyBorder="1" applyAlignment="1">
      <alignment horizontal="distributed" justifyLastLine="1"/>
    </xf>
    <xf numFmtId="0" fontId="6" fillId="0" borderId="84" xfId="5" applyFont="1" applyFill="1" applyBorder="1" applyAlignment="1">
      <alignment horizontal="distributed" justifyLastLine="1"/>
    </xf>
    <xf numFmtId="0" fontId="6" fillId="0" borderId="201" xfId="5" applyFont="1" applyFill="1" applyBorder="1" applyAlignment="1">
      <alignment horizontal="distributed" justifyLastLine="1"/>
    </xf>
    <xf numFmtId="0" fontId="6" fillId="0" borderId="130" xfId="5" applyFont="1" applyFill="1" applyBorder="1" applyAlignment="1" applyProtection="1">
      <alignment horizontal="center" vertical="center"/>
    </xf>
    <xf numFmtId="0" fontId="6" fillId="0" borderId="133" xfId="5" applyFont="1" applyFill="1" applyBorder="1" applyAlignment="1" applyProtection="1">
      <alignment horizontal="center" vertical="center"/>
    </xf>
    <xf numFmtId="0" fontId="6" fillId="2" borderId="144" xfId="5" applyFont="1" applyFill="1" applyBorder="1" applyAlignment="1">
      <alignment horizontal="center" vertical="center" justifyLastLine="1"/>
    </xf>
    <xf numFmtId="0" fontId="6" fillId="2" borderId="148" xfId="5" applyFont="1" applyFill="1" applyBorder="1" applyAlignment="1">
      <alignment horizontal="center" vertical="center" justifyLastLine="1"/>
    </xf>
    <xf numFmtId="0" fontId="6" fillId="2" borderId="149" xfId="5" applyFont="1" applyFill="1" applyBorder="1" applyAlignment="1">
      <alignment horizontal="center" vertical="center" justifyLastLine="1"/>
    </xf>
    <xf numFmtId="0" fontId="6" fillId="2" borderId="149" xfId="5" applyFont="1" applyFill="1" applyBorder="1" applyAlignment="1" applyProtection="1">
      <alignment horizontal="distributed" vertical="center" justifyLastLine="1"/>
    </xf>
    <xf numFmtId="0" fontId="6" fillId="2" borderId="148" xfId="5" applyFont="1" applyFill="1" applyBorder="1" applyAlignment="1">
      <alignment horizontal="distributed" vertical="center" justifyLastLine="1"/>
    </xf>
    <xf numFmtId="0" fontId="6" fillId="2" borderId="143" xfId="5" applyFont="1" applyFill="1" applyBorder="1" applyAlignment="1">
      <alignment horizontal="distributed" vertical="center" justifyLastLine="1"/>
    </xf>
    <xf numFmtId="0" fontId="6" fillId="2" borderId="134" xfId="5" applyFont="1" applyFill="1" applyBorder="1" applyAlignment="1">
      <alignment horizontal="distributed" vertical="center" justifyLastLine="1"/>
    </xf>
    <xf numFmtId="0" fontId="6" fillId="2" borderId="151" xfId="5" applyFont="1" applyFill="1" applyBorder="1" applyAlignment="1">
      <alignment horizontal="distributed" vertical="center" justifyLastLine="1"/>
    </xf>
    <xf numFmtId="0" fontId="6" fillId="2" borderId="6" xfId="5" applyFont="1" applyFill="1" applyBorder="1" applyAlignment="1" applyProtection="1">
      <alignment horizontal="center" vertical="center" wrapText="1"/>
    </xf>
    <xf numFmtId="0" fontId="6" fillId="2" borderId="7" xfId="5" applyFont="1" applyFill="1" applyBorder="1" applyAlignment="1" applyProtection="1">
      <alignment horizontal="center" vertical="center" wrapText="1"/>
    </xf>
    <xf numFmtId="0" fontId="6" fillId="2" borderId="15" xfId="5" applyFont="1" applyFill="1" applyBorder="1" applyAlignment="1" applyProtection="1">
      <alignment horizontal="center" vertical="center" wrapText="1"/>
    </xf>
    <xf numFmtId="0" fontId="6" fillId="2" borderId="22" xfId="5" applyFont="1" applyFill="1" applyBorder="1" applyAlignment="1" applyProtection="1">
      <alignment horizontal="center" vertical="center" wrapText="1"/>
    </xf>
    <xf numFmtId="0" fontId="6" fillId="2" borderId="10" xfId="5" applyFont="1" applyFill="1" applyBorder="1" applyAlignment="1" applyProtection="1">
      <alignment horizontal="center" vertical="center" wrapText="1"/>
    </xf>
    <xf numFmtId="0" fontId="6" fillId="2" borderId="27" xfId="5" applyFont="1" applyFill="1" applyBorder="1" applyAlignment="1" applyProtection="1">
      <alignment horizontal="center" vertical="center" wrapText="1"/>
    </xf>
    <xf numFmtId="0" fontId="6" fillId="2" borderId="139" xfId="5" applyFont="1" applyFill="1" applyBorder="1" applyAlignment="1" applyProtection="1">
      <alignment horizontal="distributed" vertical="center" justifyLastLine="1"/>
    </xf>
    <xf numFmtId="0" fontId="6" fillId="2" borderId="170" xfId="5" applyFont="1" applyFill="1" applyBorder="1" applyAlignment="1" applyProtection="1">
      <alignment horizontal="distributed" vertical="center" justifyLastLine="1"/>
    </xf>
    <xf numFmtId="0" fontId="6" fillId="2" borderId="153" xfId="5" applyFont="1" applyFill="1" applyBorder="1" applyAlignment="1" applyProtection="1">
      <alignment horizontal="center" vertical="center" justifyLastLine="1"/>
    </xf>
    <xf numFmtId="0" fontId="6" fillId="2" borderId="157" xfId="5" applyFont="1" applyFill="1" applyBorder="1" applyAlignment="1" applyProtection="1">
      <alignment horizontal="center" vertical="center" justifyLastLine="1"/>
    </xf>
    <xf numFmtId="0" fontId="6" fillId="2" borderId="140" xfId="5" applyFont="1" applyFill="1" applyBorder="1" applyAlignment="1" applyProtection="1">
      <alignment horizontal="center" vertical="center" justifyLastLine="1"/>
    </xf>
    <xf numFmtId="0" fontId="6" fillId="2" borderId="158" xfId="5" applyFont="1" applyFill="1" applyBorder="1" applyAlignment="1" applyProtection="1">
      <alignment horizontal="center" vertical="center" justifyLastLine="1"/>
    </xf>
    <xf numFmtId="0" fontId="6" fillId="0" borderId="147" xfId="5" applyFont="1" applyFill="1" applyBorder="1" applyAlignment="1" applyProtection="1">
      <alignment horizontal="distributed" vertical="center" justifyLastLine="1"/>
    </xf>
    <xf numFmtId="0" fontId="6" fillId="0" borderId="146" xfId="5" applyFont="1" applyFill="1" applyBorder="1" applyAlignment="1">
      <alignment horizontal="distributed" vertical="center" justifyLastLine="1"/>
    </xf>
    <xf numFmtId="0" fontId="6" fillId="0" borderId="130" xfId="5" applyFont="1" applyFill="1" applyBorder="1" applyAlignment="1" applyProtection="1">
      <alignment horizontal="distributed" vertical="center" justifyLastLine="1"/>
    </xf>
    <xf numFmtId="0" fontId="6" fillId="0" borderId="130" xfId="5" applyFont="1" applyFill="1" applyBorder="1" applyAlignment="1">
      <alignment horizontal="center" vertical="center" justifyLastLine="1"/>
    </xf>
    <xf numFmtId="0" fontId="6" fillId="0" borderId="131" xfId="5" applyFont="1" applyFill="1" applyBorder="1" applyAlignment="1">
      <alignment horizontal="center" vertical="center" justifyLastLine="1"/>
    </xf>
    <xf numFmtId="0" fontId="6" fillId="0" borderId="146" xfId="5" applyFont="1" applyFill="1" applyBorder="1" applyAlignment="1">
      <alignment horizontal="center" vertical="center" justifyLastLine="1"/>
    </xf>
    <xf numFmtId="0" fontId="6" fillId="0" borderId="8" xfId="5" applyFont="1" applyFill="1" applyBorder="1" applyAlignment="1" applyProtection="1">
      <alignment horizontal="distributed" vertical="center" justifyLastLine="1"/>
    </xf>
    <xf numFmtId="0" fontId="6" fillId="0" borderId="125" xfId="5" applyFont="1" applyFill="1" applyBorder="1" applyAlignment="1" applyProtection="1">
      <alignment horizontal="distributed" vertical="center" justifyLastLine="1"/>
    </xf>
    <xf numFmtId="0" fontId="6" fillId="0" borderId="26" xfId="5" applyFont="1" applyFill="1" applyBorder="1" applyAlignment="1" applyProtection="1">
      <alignment horizontal="distributed" vertical="center" justifyLastLine="1"/>
    </xf>
    <xf numFmtId="0" fontId="6" fillId="0" borderId="16" xfId="5" applyFont="1" applyFill="1" applyBorder="1" applyAlignment="1" applyProtection="1">
      <alignment horizontal="distributed" vertical="center" justifyLastLine="1"/>
    </xf>
    <xf numFmtId="0" fontId="6" fillId="0" borderId="155" xfId="5" applyFont="1" applyFill="1" applyBorder="1" applyAlignment="1" applyProtection="1">
      <alignment horizontal="distributed" vertical="center" justifyLastLine="1"/>
    </xf>
    <xf numFmtId="0" fontId="6" fillId="0" borderId="165" xfId="5" applyFont="1" applyFill="1" applyBorder="1" applyAlignment="1" applyProtection="1">
      <alignment horizontal="distributed" vertical="center" justifyLastLine="1"/>
    </xf>
    <xf numFmtId="0" fontId="6" fillId="0" borderId="6" xfId="5" applyFont="1" applyFill="1" applyBorder="1" applyAlignment="1" applyProtection="1">
      <alignment horizontal="center" vertical="center"/>
    </xf>
    <xf numFmtId="0" fontId="6" fillId="0" borderId="68" xfId="5" applyFont="1" applyFill="1" applyBorder="1" applyAlignment="1" applyProtection="1">
      <alignment horizontal="center" vertical="center"/>
    </xf>
    <xf numFmtId="0" fontId="6" fillId="0" borderId="7" xfId="5" applyFont="1" applyFill="1" applyBorder="1" applyAlignment="1" applyProtection="1">
      <alignment horizontal="center" vertical="center"/>
    </xf>
    <xf numFmtId="0" fontId="6" fillId="0" borderId="144" xfId="5" applyFont="1" applyFill="1" applyBorder="1" applyAlignment="1" applyProtection="1">
      <alignment horizontal="center" vertical="center"/>
    </xf>
    <xf numFmtId="0" fontId="6" fillId="0" borderId="143" xfId="5" applyFont="1" applyFill="1" applyBorder="1" applyAlignment="1" applyProtection="1">
      <alignment horizontal="center" vertical="center"/>
    </xf>
    <xf numFmtId="0" fontId="6" fillId="0" borderId="145" xfId="5" applyFont="1" applyFill="1" applyBorder="1" applyAlignment="1" applyProtection="1">
      <alignment horizontal="center" vertical="center"/>
    </xf>
    <xf numFmtId="0" fontId="6" fillId="0" borderId="8" xfId="5" applyFont="1" applyFill="1" applyBorder="1" applyAlignment="1" applyProtection="1">
      <alignment horizontal="center" vertical="center" wrapText="1"/>
    </xf>
    <xf numFmtId="0" fontId="6" fillId="0" borderId="7" xfId="5" applyFont="1" applyFill="1" applyBorder="1" applyAlignment="1" applyProtection="1">
      <alignment horizontal="center" vertical="center" wrapText="1"/>
    </xf>
    <xf numFmtId="0" fontId="6" fillId="0" borderId="26" xfId="5" applyFont="1" applyFill="1" applyBorder="1" applyAlignment="1" applyProtection="1">
      <alignment horizontal="center" vertical="center" wrapText="1"/>
    </xf>
    <xf numFmtId="0" fontId="6" fillId="0" borderId="22" xfId="5" applyFont="1" applyFill="1" applyBorder="1" applyAlignment="1" applyProtection="1">
      <alignment horizontal="center" vertical="center" wrapText="1"/>
    </xf>
    <xf numFmtId="0" fontId="6" fillId="0" borderId="154" xfId="5" applyFont="1" applyFill="1" applyBorder="1" applyAlignment="1" applyProtection="1">
      <alignment horizontal="center" vertical="center" wrapText="1"/>
    </xf>
    <xf numFmtId="0" fontId="6" fillId="0" borderId="145" xfId="5" applyFont="1" applyFill="1" applyBorder="1" applyAlignment="1" applyProtection="1">
      <alignment horizontal="center" vertical="center" wrapText="1"/>
    </xf>
    <xf numFmtId="0" fontId="6" fillId="2" borderId="134" xfId="5" applyFont="1" applyFill="1" applyBorder="1" applyAlignment="1" applyProtection="1">
      <alignment horizontal="distributed" vertical="center" justifyLastLine="1"/>
    </xf>
    <xf numFmtId="0" fontId="6" fillId="2" borderId="135" xfId="5" applyFont="1" applyFill="1" applyBorder="1" applyAlignment="1" applyProtection="1">
      <alignment horizontal="distributed" vertical="center" justifyLastLine="1"/>
    </xf>
    <xf numFmtId="0" fontId="6" fillId="2" borderId="136" xfId="5" applyFont="1" applyFill="1" applyBorder="1" applyAlignment="1" applyProtection="1">
      <alignment horizontal="distributed" vertical="center" justifyLastLine="1"/>
    </xf>
    <xf numFmtId="0" fontId="6" fillId="2" borderId="18" xfId="5" applyFont="1" applyFill="1" applyBorder="1" applyAlignment="1" applyProtection="1">
      <alignment horizontal="distributed" vertical="center" justifyLastLine="1"/>
    </xf>
    <xf numFmtId="0" fontId="6" fillId="2" borderId="19" xfId="5" applyFont="1" applyFill="1" applyBorder="1" applyAlignment="1" applyProtection="1">
      <alignment horizontal="distributed" vertical="center" justifyLastLine="1"/>
    </xf>
    <xf numFmtId="0" fontId="6" fillId="2" borderId="21" xfId="5" applyFont="1" applyFill="1" applyBorder="1" applyAlignment="1" applyProtection="1">
      <alignment horizontal="distributed" vertical="center" justifyLastLine="1"/>
    </xf>
    <xf numFmtId="0" fontId="6" fillId="2" borderId="137" xfId="5" applyFont="1" applyFill="1" applyBorder="1" applyAlignment="1" applyProtection="1">
      <alignment horizontal="distributed" vertical="center" justifyLastLine="1"/>
    </xf>
    <xf numFmtId="0" fontId="6" fillId="2" borderId="138" xfId="5" applyFont="1" applyFill="1" applyBorder="1" applyAlignment="1" applyProtection="1">
      <alignment horizontal="distributed" vertical="center" justifyLastLine="1"/>
    </xf>
    <xf numFmtId="0" fontId="6" fillId="2" borderId="144" xfId="5" applyFont="1" applyFill="1" applyBorder="1" applyAlignment="1" applyProtection="1">
      <alignment horizontal="distributed" vertical="center" justifyLastLine="1"/>
    </xf>
    <xf numFmtId="0" fontId="6" fillId="2" borderId="143" xfId="5" applyFont="1" applyFill="1" applyBorder="1" applyAlignment="1" applyProtection="1">
      <alignment horizontal="distributed" vertical="center" justifyLastLine="1"/>
    </xf>
    <xf numFmtId="0" fontId="6" fillId="2" borderId="148" xfId="5" applyFont="1" applyFill="1" applyBorder="1" applyAlignment="1" applyProtection="1">
      <alignment horizontal="distributed" vertical="center" justifyLastLine="1"/>
    </xf>
    <xf numFmtId="0" fontId="6" fillId="2" borderId="140" xfId="5" applyFont="1" applyFill="1" applyBorder="1" applyAlignment="1" applyProtection="1">
      <alignment horizontal="distributed" vertical="center" justifyLastLine="1"/>
    </xf>
    <xf numFmtId="0" fontId="6" fillId="2" borderId="141" xfId="5" applyFont="1" applyFill="1" applyBorder="1" applyAlignment="1" applyProtection="1">
      <alignment horizontal="distributed" vertical="center" justifyLastLine="1"/>
    </xf>
    <xf numFmtId="0" fontId="6" fillId="2" borderId="145" xfId="5" applyFont="1" applyFill="1" applyBorder="1" applyAlignment="1" applyProtection="1">
      <alignment horizontal="distributed" vertical="center" justifyLastLine="1"/>
    </xf>
    <xf numFmtId="0" fontId="5" fillId="2" borderId="142" xfId="5" applyFont="1" applyFill="1" applyBorder="1" applyAlignment="1" applyProtection="1">
      <alignment horizontal="center" vertical="center" wrapText="1" justifyLastLine="1"/>
    </xf>
    <xf numFmtId="0" fontId="5" fillId="2" borderId="150" xfId="5" applyFont="1" applyFill="1" applyBorder="1" applyAlignment="1" applyProtection="1">
      <alignment horizontal="center" vertical="center" wrapText="1" justifyLastLine="1"/>
    </xf>
    <xf numFmtId="0" fontId="6" fillId="2" borderId="130" xfId="5" applyFont="1" applyFill="1" applyBorder="1" applyAlignment="1" applyProtection="1">
      <alignment horizontal="center" vertical="center"/>
    </xf>
    <xf numFmtId="0" fontId="6" fillId="2" borderId="131" xfId="5" applyFont="1" applyFill="1" applyBorder="1" applyAlignment="1" applyProtection="1">
      <alignment horizontal="center" vertical="center"/>
    </xf>
    <xf numFmtId="0" fontId="2" fillId="2" borderId="131" xfId="5" applyFill="1" applyBorder="1" applyAlignment="1">
      <alignment horizontal="center" vertical="center"/>
    </xf>
    <xf numFmtId="0" fontId="2" fillId="2" borderId="133" xfId="5" applyFill="1" applyBorder="1" applyAlignment="1">
      <alignment horizontal="center" vertical="center"/>
    </xf>
    <xf numFmtId="0" fontId="6" fillId="2" borderId="15" xfId="5" applyFont="1" applyFill="1" applyBorder="1" applyAlignment="1" applyProtection="1">
      <alignment horizontal="center" vertical="center" justifyLastLine="1"/>
    </xf>
    <xf numFmtId="0" fontId="6" fillId="2" borderId="16" xfId="5" applyFont="1" applyFill="1" applyBorder="1" applyAlignment="1" applyProtection="1">
      <alignment horizontal="center" vertical="center" justifyLastLine="1"/>
    </xf>
    <xf numFmtId="0" fontId="6" fillId="2" borderId="144" xfId="5" applyFont="1" applyFill="1" applyBorder="1" applyAlignment="1" applyProtection="1">
      <alignment horizontal="center" vertical="center" justifyLastLine="1"/>
    </xf>
    <xf numFmtId="0" fontId="6" fillId="2" borderId="152" xfId="5" applyFont="1" applyFill="1" applyBorder="1" applyAlignment="1" applyProtection="1">
      <alignment horizontal="center" vertical="center" justifyLastLine="1"/>
    </xf>
    <xf numFmtId="0" fontId="6" fillId="2" borderId="8" xfId="5" applyFont="1" applyFill="1" applyBorder="1" applyAlignment="1" applyProtection="1">
      <alignment horizontal="distributed" vertical="center" justifyLastLine="1"/>
    </xf>
    <xf numFmtId="0" fontId="6" fillId="2" borderId="125" xfId="5" applyFont="1" applyFill="1" applyBorder="1" applyAlignment="1" applyProtection="1">
      <alignment horizontal="distributed" vertical="center" justifyLastLine="1"/>
    </xf>
    <xf numFmtId="0" fontId="6" fillId="2" borderId="26" xfId="5" applyFont="1" applyFill="1" applyBorder="1" applyAlignment="1" applyProtection="1">
      <alignment horizontal="distributed" vertical="center" justifyLastLine="1"/>
    </xf>
    <xf numFmtId="0" fontId="6" fillId="2" borderId="16" xfId="5" applyFont="1" applyFill="1" applyBorder="1" applyAlignment="1" applyProtection="1">
      <alignment horizontal="distributed" vertical="center" justifyLastLine="1"/>
    </xf>
    <xf numFmtId="0" fontId="6" fillId="2" borderId="155" xfId="5" applyFont="1" applyFill="1" applyBorder="1" applyAlignment="1" applyProtection="1">
      <alignment horizontal="distributed" vertical="center" justifyLastLine="1"/>
    </xf>
    <xf numFmtId="0" fontId="6" fillId="2" borderId="165" xfId="5" applyFont="1" applyFill="1" applyBorder="1" applyAlignment="1" applyProtection="1">
      <alignment horizontal="distributed" vertical="center" justifyLastLine="1"/>
    </xf>
    <xf numFmtId="38" fontId="6" fillId="2" borderId="3" xfId="6" applyFont="1" applyFill="1" applyBorder="1" applyAlignment="1" applyProtection="1">
      <alignment horizontal="center" vertical="center"/>
    </xf>
    <xf numFmtId="38" fontId="6" fillId="2" borderId="129" xfId="6" applyFont="1" applyFill="1" applyBorder="1" applyAlignment="1" applyProtection="1">
      <alignment horizontal="center" vertical="center"/>
    </xf>
    <xf numFmtId="0" fontId="6" fillId="2" borderId="6" xfId="5" applyFont="1" applyFill="1" applyBorder="1" applyAlignment="1" applyProtection="1">
      <alignment horizontal="center" vertical="center" wrapText="1" justifyLastLine="1"/>
    </xf>
    <xf numFmtId="0" fontId="6" fillId="2" borderId="125" xfId="5" applyFont="1" applyFill="1" applyBorder="1" applyAlignment="1" applyProtection="1">
      <alignment horizontal="center" vertical="center" wrapText="1" justifyLastLine="1"/>
    </xf>
    <xf numFmtId="0" fontId="6" fillId="2" borderId="15" xfId="5" applyFont="1" applyFill="1" applyBorder="1" applyAlignment="1" applyProtection="1">
      <alignment horizontal="center" vertical="center" wrapText="1" justifyLastLine="1"/>
    </xf>
    <xf numFmtId="0" fontId="6" fillId="2" borderId="16" xfId="5" applyFont="1" applyFill="1" applyBorder="1" applyAlignment="1" applyProtection="1">
      <alignment horizontal="center" vertical="center" wrapText="1" justifyLastLine="1"/>
    </xf>
    <xf numFmtId="0" fontId="6" fillId="2" borderId="144" xfId="5" applyFont="1" applyFill="1" applyBorder="1" applyAlignment="1" applyProtection="1">
      <alignment horizontal="center" vertical="center" wrapText="1" justifyLastLine="1"/>
    </xf>
    <xf numFmtId="0" fontId="6" fillId="2" borderId="152" xfId="5" applyFont="1" applyFill="1" applyBorder="1" applyAlignment="1" applyProtection="1">
      <alignment horizontal="center" vertical="center" wrapText="1" justifyLastLine="1"/>
    </xf>
    <xf numFmtId="0" fontId="6" fillId="2" borderId="68" xfId="5" applyFont="1" applyFill="1" applyBorder="1" applyAlignment="1" applyProtection="1">
      <alignment horizontal="center" vertical="center"/>
    </xf>
    <xf numFmtId="0" fontId="6" fillId="2" borderId="68" xfId="5" applyFont="1" applyFill="1" applyBorder="1" applyAlignment="1">
      <alignment horizontal="center" vertical="center"/>
    </xf>
    <xf numFmtId="0" fontId="6" fillId="2" borderId="143" xfId="5" applyFont="1" applyFill="1" applyBorder="1" applyAlignment="1">
      <alignment horizontal="center" vertical="center"/>
    </xf>
    <xf numFmtId="0" fontId="6" fillId="2" borderId="6" xfId="5" applyFont="1" applyFill="1" applyBorder="1" applyAlignment="1" applyProtection="1">
      <alignment horizontal="center" vertical="center"/>
    </xf>
    <xf numFmtId="0" fontId="6" fillId="2" borderId="15" xfId="5" applyFont="1" applyFill="1" applyBorder="1" applyAlignment="1" applyProtection="1">
      <alignment horizontal="center" vertical="center"/>
    </xf>
    <xf numFmtId="0" fontId="6" fillId="2" borderId="0" xfId="5" applyFont="1" applyFill="1" applyBorder="1" applyAlignment="1" applyProtection="1">
      <alignment horizontal="center" vertical="center"/>
    </xf>
    <xf numFmtId="0" fontId="6" fillId="2" borderId="144" xfId="5" applyFont="1" applyFill="1" applyBorder="1" applyAlignment="1" applyProtection="1">
      <alignment horizontal="center" vertical="center"/>
    </xf>
    <xf numFmtId="0" fontId="6" fillId="2" borderId="143" xfId="5" applyFont="1" applyFill="1" applyBorder="1" applyAlignment="1" applyProtection="1">
      <alignment horizontal="center" vertical="center"/>
    </xf>
    <xf numFmtId="0" fontId="6" fillId="2" borderId="0" xfId="5" applyFont="1" applyFill="1" applyBorder="1" applyAlignment="1" applyProtection="1">
      <alignment horizontal="right"/>
    </xf>
    <xf numFmtId="0" fontId="6" fillId="2" borderId="59" xfId="5" applyFont="1" applyFill="1" applyBorder="1" applyAlignment="1" applyProtection="1">
      <alignment horizontal="right"/>
    </xf>
    <xf numFmtId="0" fontId="6" fillId="0" borderId="0" xfId="5" applyFont="1" applyFill="1" applyBorder="1" applyAlignment="1" applyProtection="1">
      <alignment horizontal="right"/>
    </xf>
    <xf numFmtId="0" fontId="6" fillId="2" borderId="68" xfId="5" applyFont="1" applyFill="1" applyBorder="1" applyAlignment="1" applyProtection="1">
      <alignment horizontal="distributed" vertical="center" justifyLastLine="1"/>
    </xf>
    <xf numFmtId="0" fontId="6" fillId="2" borderId="0" xfId="5" applyFont="1" applyFill="1" applyBorder="1" applyAlignment="1" applyProtection="1">
      <alignment horizontal="distributed" vertical="center" justifyLastLine="1"/>
    </xf>
    <xf numFmtId="0" fontId="6" fillId="2" borderId="156" xfId="5" applyFont="1" applyFill="1" applyBorder="1" applyAlignment="1" applyProtection="1">
      <alignment horizontal="distributed" vertical="center" justifyLastLine="1"/>
    </xf>
    <xf numFmtId="0" fontId="6" fillId="0" borderId="82" xfId="5" applyFont="1" applyFill="1" applyBorder="1" applyAlignment="1" applyProtection="1">
      <alignment horizontal="distributed" vertical="center" justifyLastLine="1"/>
    </xf>
    <xf numFmtId="0" fontId="6" fillId="0" borderId="40" xfId="5" applyFont="1" applyFill="1" applyBorder="1" applyAlignment="1" applyProtection="1">
      <alignment horizontal="distributed" vertical="center" justifyLastLine="1"/>
    </xf>
    <xf numFmtId="0" fontId="6" fillId="2" borderId="126" xfId="5" applyFont="1" applyFill="1" applyBorder="1" applyAlignment="1" applyProtection="1">
      <alignment horizontal="center" vertical="center"/>
    </xf>
    <xf numFmtId="0" fontId="6" fillId="2" borderId="127" xfId="5" applyFont="1" applyFill="1" applyBorder="1" applyAlignment="1" applyProtection="1">
      <alignment horizontal="center" vertical="center"/>
    </xf>
    <xf numFmtId="0" fontId="6" fillId="2" borderId="128" xfId="5" applyFont="1" applyFill="1" applyBorder="1" applyAlignment="1" applyProtection="1">
      <alignment horizontal="center" vertical="center"/>
    </xf>
    <xf numFmtId="0" fontId="2" fillId="2" borderId="68" xfId="5" applyFill="1" applyBorder="1" applyAlignment="1">
      <alignment horizontal="center" vertical="center"/>
    </xf>
    <xf numFmtId="0" fontId="2" fillId="2" borderId="7" xfId="5" applyFill="1" applyBorder="1" applyAlignment="1">
      <alignment horizontal="center" vertical="center"/>
    </xf>
    <xf numFmtId="0" fontId="6" fillId="2" borderId="130" xfId="5" applyFont="1" applyFill="1" applyBorder="1" applyAlignment="1" applyProtection="1">
      <alignment horizontal="distributed" vertical="center" justifyLastLine="1"/>
    </xf>
    <xf numFmtId="0" fontId="6" fillId="2" borderId="131" xfId="5" applyFont="1" applyFill="1" applyBorder="1" applyAlignment="1">
      <alignment horizontal="distributed" vertical="center" justifyLastLine="1"/>
    </xf>
    <xf numFmtId="0" fontId="6" fillId="2" borderId="146" xfId="5" applyFont="1" applyFill="1" applyBorder="1" applyAlignment="1">
      <alignment horizontal="distributed" vertical="center" justifyLastLine="1"/>
    </xf>
    <xf numFmtId="0" fontId="6" fillId="2" borderId="132" xfId="5" applyFont="1" applyFill="1" applyBorder="1" applyAlignment="1">
      <alignment horizontal="distributed" vertical="center" justifyLastLine="1"/>
    </xf>
    <xf numFmtId="0" fontId="6" fillId="2" borderId="147" xfId="5" applyFont="1" applyFill="1" applyBorder="1" applyAlignment="1" applyProtection="1">
      <alignment horizontal="distributed" vertical="center" justifyLastLine="1"/>
    </xf>
    <xf numFmtId="0" fontId="6" fillId="2" borderId="133" xfId="5" applyFont="1" applyFill="1" applyBorder="1" applyAlignment="1">
      <alignment horizontal="distributed" vertical="center" justifyLastLine="1"/>
    </xf>
    <xf numFmtId="0" fontId="6" fillId="2" borderId="43" xfId="5" applyFont="1" applyFill="1" applyBorder="1" applyAlignment="1">
      <alignment horizontal="distributed" vertical="center" justifyLastLine="1"/>
    </xf>
    <xf numFmtId="0" fontId="6" fillId="2" borderId="44" xfId="5" applyFont="1" applyFill="1" applyBorder="1" applyAlignment="1">
      <alignment horizontal="distributed" vertical="center" justifyLastLine="1"/>
    </xf>
    <xf numFmtId="0" fontId="6" fillId="2" borderId="201" xfId="5" applyFont="1" applyFill="1" applyBorder="1" applyAlignment="1">
      <alignment horizontal="distributed" vertical="center" justifyLastLine="1"/>
    </xf>
    <xf numFmtId="0" fontId="6" fillId="0" borderId="221" xfId="5" applyFont="1" applyFill="1" applyBorder="1" applyAlignment="1">
      <alignment horizontal="distributed" vertical="center" justifyLastLine="1"/>
    </xf>
    <xf numFmtId="0" fontId="6" fillId="0" borderId="61" xfId="5" applyFont="1" applyBorder="1" applyAlignment="1">
      <alignment horizontal="distributed" vertical="center" justifyLastLine="1"/>
    </xf>
    <xf numFmtId="0" fontId="6" fillId="2" borderId="66" xfId="5" applyFont="1" applyFill="1" applyBorder="1" applyAlignment="1">
      <alignment horizontal="distributed" vertical="center" justifyLastLine="1"/>
    </xf>
    <xf numFmtId="0" fontId="6" fillId="2" borderId="204" xfId="5" applyFont="1" applyFill="1" applyBorder="1" applyAlignment="1">
      <alignment horizontal="distributed" vertical="center" justifyLastLine="1"/>
    </xf>
    <xf numFmtId="0" fontId="6" fillId="0" borderId="60" xfId="5" applyFont="1" applyFill="1" applyBorder="1" applyAlignment="1">
      <alignment horizontal="distributed" vertical="center" justifyLastLine="1"/>
    </xf>
    <xf numFmtId="0" fontId="6" fillId="0" borderId="223" xfId="5" applyFont="1" applyBorder="1" applyAlignment="1">
      <alignment horizontal="distributed" vertical="center" justifyLastLine="1"/>
    </xf>
    <xf numFmtId="0" fontId="6" fillId="2" borderId="65" xfId="5" applyFont="1" applyFill="1" applyBorder="1" applyAlignment="1">
      <alignment horizontal="distributed" vertical="center" justifyLastLine="1"/>
    </xf>
    <xf numFmtId="0" fontId="6" fillId="2" borderId="213" xfId="5" applyFont="1" applyFill="1" applyBorder="1" applyAlignment="1" applyProtection="1">
      <alignment horizontal="distributed" vertical="center" justifyLastLine="1"/>
    </xf>
    <xf numFmtId="0" fontId="6" fillId="2" borderId="215" xfId="5" applyFont="1" applyFill="1" applyBorder="1" applyAlignment="1" applyProtection="1">
      <alignment horizontal="distributed" vertical="center" justifyLastLine="1"/>
    </xf>
    <xf numFmtId="0" fontId="6" fillId="2" borderId="213" xfId="5" applyFont="1" applyFill="1" applyBorder="1" applyAlignment="1" applyProtection="1">
      <alignment horizontal="center" vertical="center" justifyLastLine="1"/>
    </xf>
    <xf numFmtId="0" fontId="6" fillId="2" borderId="215" xfId="5" applyFont="1" applyFill="1" applyBorder="1" applyAlignment="1" applyProtection="1">
      <alignment horizontal="center" vertical="center" justifyLastLine="1"/>
    </xf>
    <xf numFmtId="0" fontId="6" fillId="2" borderId="214" xfId="5" applyFont="1" applyFill="1" applyBorder="1" applyAlignment="1" applyProtection="1">
      <alignment horizontal="center" vertical="center" justifyLastLine="1"/>
    </xf>
    <xf numFmtId="0" fontId="6" fillId="2" borderId="216" xfId="5" applyFont="1" applyFill="1" applyBorder="1" applyAlignment="1" applyProtection="1">
      <alignment horizontal="center" vertical="center" justifyLastLine="1"/>
    </xf>
    <xf numFmtId="0" fontId="6" fillId="0" borderId="217" xfId="5" applyFont="1" applyFill="1" applyBorder="1" applyAlignment="1">
      <alignment horizontal="distributed" vertical="center" justifyLastLine="1"/>
    </xf>
    <xf numFmtId="0" fontId="6" fillId="0" borderId="85" xfId="5" applyFont="1" applyBorder="1" applyAlignment="1">
      <alignment horizontal="distributed" vertical="center" justifyLastLine="1"/>
    </xf>
    <xf numFmtId="0" fontId="6" fillId="2" borderId="130" xfId="5" applyFont="1" applyFill="1" applyBorder="1" applyAlignment="1">
      <alignment horizontal="center" vertical="center" justifyLastLine="1"/>
    </xf>
    <xf numFmtId="0" fontId="6" fillId="2" borderId="146" xfId="5" applyFont="1" applyFill="1" applyBorder="1" applyAlignment="1">
      <alignment horizontal="center" vertical="center" justifyLastLine="1"/>
    </xf>
    <xf numFmtId="0" fontId="6" fillId="2" borderId="133" xfId="5" applyFont="1" applyFill="1" applyBorder="1" applyAlignment="1">
      <alignment horizontal="center" vertical="center" justifyLastLine="1"/>
    </xf>
    <xf numFmtId="0" fontId="6" fillId="2" borderId="143" xfId="5" applyFont="1" applyFill="1" applyBorder="1" applyAlignment="1">
      <alignment horizontal="center" vertical="center" justifyLastLine="1"/>
    </xf>
    <xf numFmtId="0" fontId="6" fillId="2" borderId="211" xfId="5" applyFont="1" applyFill="1" applyBorder="1" applyAlignment="1">
      <alignment horizontal="distributed" vertical="center" justifyLastLine="1"/>
    </xf>
    <xf numFmtId="0" fontId="6" fillId="2" borderId="212" xfId="5" applyFont="1" applyFill="1" applyBorder="1" applyAlignment="1">
      <alignment horizontal="distributed" vertical="center" justifyLastLine="1"/>
    </xf>
    <xf numFmtId="0" fontId="6" fillId="2" borderId="15" xfId="5" applyFont="1" applyFill="1" applyBorder="1" applyAlignment="1" applyProtection="1">
      <alignment horizontal="distributed" vertical="center" justifyLastLine="1"/>
    </xf>
    <xf numFmtId="0" fontId="6" fillId="2" borderId="16" xfId="5" applyFont="1" applyFill="1" applyBorder="1" applyAlignment="1">
      <alignment horizontal="distributed" vertical="center" justifyLastLine="1"/>
    </xf>
    <xf numFmtId="0" fontId="6" fillId="2" borderId="22" xfId="5" applyFont="1" applyFill="1" applyBorder="1" applyAlignment="1">
      <alignment horizontal="distributed" vertical="center" justifyLastLine="1"/>
    </xf>
    <xf numFmtId="0" fontId="6" fillId="2" borderId="125" xfId="5" applyFont="1" applyFill="1" applyBorder="1" applyAlignment="1" applyProtection="1">
      <alignment horizontal="center" vertical="center" wrapText="1"/>
    </xf>
    <xf numFmtId="0" fontId="6" fillId="2" borderId="16" xfId="5" applyFont="1" applyFill="1" applyBorder="1" applyAlignment="1" applyProtection="1">
      <alignment horizontal="center" vertical="center" wrapText="1"/>
    </xf>
    <xf numFmtId="0" fontId="6" fillId="2" borderId="144" xfId="5" applyFont="1" applyFill="1" applyBorder="1" applyAlignment="1" applyProtection="1">
      <alignment horizontal="center" vertical="center" wrapText="1"/>
    </xf>
    <xf numFmtId="0" fontId="6" fillId="2" borderId="152" xfId="5" applyFont="1" applyFill="1" applyBorder="1" applyAlignment="1" applyProtection="1">
      <alignment horizontal="center" vertical="center" wrapText="1"/>
    </xf>
    <xf numFmtId="0" fontId="6" fillId="2" borderId="156" xfId="5" applyFont="1" applyFill="1" applyBorder="1" applyAlignment="1" applyProtection="1">
      <alignment horizontal="center" vertical="center"/>
    </xf>
    <xf numFmtId="0" fontId="6" fillId="2" borderId="125" xfId="5" applyFont="1" applyFill="1" applyBorder="1" applyAlignment="1" applyProtection="1">
      <alignment horizontal="center" vertical="center"/>
    </xf>
    <xf numFmtId="0" fontId="6" fillId="2" borderId="124" xfId="5" applyFont="1" applyFill="1" applyBorder="1" applyAlignment="1" applyProtection="1">
      <alignment horizontal="center" vertical="center"/>
    </xf>
    <xf numFmtId="0" fontId="6" fillId="2" borderId="208" xfId="5" applyFont="1" applyFill="1" applyBorder="1" applyAlignment="1" applyProtection="1">
      <alignment horizontal="center" vertical="center"/>
    </xf>
    <xf numFmtId="0" fontId="6" fillId="2" borderId="152" xfId="5" applyFont="1" applyFill="1" applyBorder="1" applyAlignment="1" applyProtection="1">
      <alignment horizontal="center" vertical="center"/>
    </xf>
    <xf numFmtId="0" fontId="6" fillId="2" borderId="209" xfId="5" applyFont="1" applyFill="1" applyBorder="1" applyAlignment="1" applyProtection="1">
      <alignment horizontal="center" vertical="center"/>
    </xf>
    <xf numFmtId="0" fontId="6" fillId="2" borderId="210" xfId="5" applyFont="1" applyFill="1" applyBorder="1" applyAlignment="1" applyProtection="1">
      <alignment horizontal="center" vertical="center"/>
    </xf>
    <xf numFmtId="0" fontId="6" fillId="2" borderId="8" xfId="5" applyFont="1" applyFill="1" applyBorder="1" applyAlignment="1">
      <alignment horizontal="center" vertical="center"/>
    </xf>
    <xf numFmtId="0" fontId="6" fillId="2" borderId="26" xfId="5" applyFont="1" applyFill="1" applyBorder="1" applyAlignment="1">
      <alignment horizontal="center" vertical="center"/>
    </xf>
    <xf numFmtId="0" fontId="6" fillId="2" borderId="0" xfId="5" applyFont="1" applyFill="1" applyBorder="1" applyAlignment="1">
      <alignment horizontal="center" vertical="center"/>
    </xf>
    <xf numFmtId="0" fontId="6" fillId="2" borderId="82" xfId="5" applyFont="1" applyFill="1" applyBorder="1" applyAlignment="1">
      <alignment horizontal="center" vertical="center"/>
    </xf>
    <xf numFmtId="0" fontId="6" fillId="2" borderId="38" xfId="5" applyFont="1" applyFill="1" applyBorder="1" applyAlignment="1">
      <alignment horizontal="center" vertical="center"/>
    </xf>
    <xf numFmtId="0" fontId="6" fillId="2" borderId="126" xfId="5" applyFont="1" applyFill="1" applyBorder="1" applyAlignment="1" applyProtection="1">
      <alignment horizontal="center"/>
    </xf>
    <xf numFmtId="0" fontId="6" fillId="2" borderId="127" xfId="5" applyFont="1" applyFill="1" applyBorder="1" applyAlignment="1" applyProtection="1">
      <alignment horizontal="center"/>
    </xf>
    <xf numFmtId="0" fontId="6" fillId="2" borderId="128" xfId="5" applyFont="1" applyFill="1" applyBorder="1" applyAlignment="1" applyProtection="1">
      <alignment horizontal="center"/>
    </xf>
    <xf numFmtId="0" fontId="6" fillId="2" borderId="2" xfId="5" applyFont="1" applyFill="1" applyBorder="1" applyAlignment="1" applyProtection="1">
      <alignment horizontal="center"/>
    </xf>
    <xf numFmtId="0" fontId="6" fillId="2" borderId="3" xfId="5" applyFont="1" applyFill="1" applyBorder="1" applyAlignment="1" applyProtection="1">
      <alignment horizontal="center"/>
    </xf>
    <xf numFmtId="0" fontId="6" fillId="2" borderId="4" xfId="5" applyFont="1" applyFill="1" applyBorder="1" applyAlignment="1" applyProtection="1">
      <alignment horizontal="center"/>
    </xf>
    <xf numFmtId="0" fontId="6" fillId="0" borderId="8" xfId="5" applyFont="1" applyBorder="1" applyAlignment="1" applyProtection="1">
      <alignment horizontal="distributed" vertical="center" justifyLastLine="1"/>
    </xf>
    <xf numFmtId="0" fontId="6" fillId="0" borderId="68" xfId="5" applyFont="1" applyBorder="1" applyAlignment="1" applyProtection="1">
      <alignment horizontal="distributed" vertical="center" justifyLastLine="1"/>
    </xf>
    <xf numFmtId="0" fontId="6" fillId="0" borderId="26" xfId="5" applyFont="1" applyBorder="1" applyAlignment="1" applyProtection="1">
      <alignment horizontal="distributed" vertical="center" justifyLastLine="1"/>
    </xf>
    <xf numFmtId="0" fontId="6" fillId="0" borderId="0" xfId="5" applyFont="1" applyBorder="1" applyAlignment="1" applyProtection="1">
      <alignment horizontal="distributed" vertical="center" justifyLastLine="1"/>
    </xf>
    <xf numFmtId="0" fontId="6" fillId="0" borderId="155" xfId="5" applyFont="1" applyBorder="1" applyAlignment="1" applyProtection="1">
      <alignment horizontal="distributed" vertical="center" justifyLastLine="1"/>
    </xf>
    <xf numFmtId="0" fontId="6" fillId="0" borderId="156" xfId="5" applyFont="1" applyBorder="1" applyAlignment="1" applyProtection="1">
      <alignment horizontal="distributed" vertical="center" justifyLastLine="1"/>
    </xf>
    <xf numFmtId="0" fontId="6" fillId="2" borderId="2" xfId="5" applyFont="1" applyFill="1" applyBorder="1" applyAlignment="1">
      <alignment horizontal="center"/>
    </xf>
    <xf numFmtId="0" fontId="6" fillId="2" borderId="3" xfId="5" applyFont="1" applyFill="1" applyBorder="1" applyAlignment="1">
      <alignment horizontal="center"/>
    </xf>
    <xf numFmtId="0" fontId="5" fillId="2" borderId="185" xfId="5" applyFont="1" applyFill="1" applyBorder="1" applyAlignment="1" applyProtection="1">
      <alignment horizontal="distributed" vertical="center" wrapText="1" justifyLastLine="1"/>
    </xf>
    <xf numFmtId="0" fontId="5" fillId="2" borderId="160" xfId="5" applyFont="1" applyFill="1" applyBorder="1" applyAlignment="1" applyProtection="1">
      <alignment horizontal="distributed" vertical="center" wrapText="1" justifyLastLine="1"/>
    </xf>
    <xf numFmtId="0" fontId="6" fillId="2" borderId="18" xfId="5" applyFont="1" applyFill="1" applyBorder="1" applyAlignment="1" applyProtection="1">
      <alignment horizontal="center" vertical="center"/>
    </xf>
    <xf numFmtId="0" fontId="6" fillId="2" borderId="19" xfId="5" applyFont="1" applyFill="1" applyBorder="1" applyAlignment="1" applyProtection="1">
      <alignment horizontal="center" vertical="center"/>
    </xf>
    <xf numFmtId="0" fontId="2" fillId="2" borderId="19" xfId="5" applyFill="1" applyBorder="1" applyAlignment="1">
      <alignment horizontal="center" vertical="center"/>
    </xf>
    <xf numFmtId="0" fontId="2" fillId="2" borderId="21" xfId="5" applyFill="1" applyBorder="1" applyAlignment="1">
      <alignment horizontal="center" vertical="center"/>
    </xf>
    <xf numFmtId="0" fontId="6" fillId="2" borderId="12" xfId="5" applyFont="1" applyFill="1" applyBorder="1" applyAlignment="1" applyProtection="1">
      <alignment horizontal="distributed" vertical="center" justifyLastLine="1"/>
    </xf>
    <xf numFmtId="0" fontId="6" fillId="2" borderId="13" xfId="5" applyFont="1" applyFill="1" applyBorder="1" applyAlignment="1" applyProtection="1">
      <alignment horizontal="distributed" vertical="center" justifyLastLine="1"/>
    </xf>
    <xf numFmtId="0" fontId="9" fillId="0" borderId="66" xfId="5" applyFont="1" applyBorder="1" applyAlignment="1">
      <alignment horizontal="distributed" justifyLastLine="1"/>
    </xf>
    <xf numFmtId="0" fontId="9" fillId="0" borderId="207" xfId="5" applyFont="1" applyBorder="1" applyAlignment="1">
      <alignment horizontal="distributed" justifyLastLine="1"/>
    </xf>
    <xf numFmtId="0" fontId="6" fillId="0" borderId="59" xfId="5" applyFont="1" applyFill="1" applyBorder="1" applyAlignment="1" applyProtection="1">
      <alignment horizontal="right"/>
    </xf>
    <xf numFmtId="0" fontId="9" fillId="0" borderId="8" xfId="5" applyFont="1" applyBorder="1" applyAlignment="1" applyProtection="1">
      <alignment horizontal="distributed" vertical="center" justifyLastLine="1"/>
    </xf>
    <xf numFmtId="0" fontId="9" fillId="0" borderId="125" xfId="5" applyFont="1" applyBorder="1" applyAlignment="1" applyProtection="1">
      <alignment horizontal="distributed" vertical="center" justifyLastLine="1"/>
    </xf>
    <xf numFmtId="0" fontId="9" fillId="0" borderId="155" xfId="5" applyFont="1" applyBorder="1" applyAlignment="1" applyProtection="1">
      <alignment horizontal="distributed" vertical="center" justifyLastLine="1"/>
    </xf>
    <xf numFmtId="0" fontId="9" fillId="0" borderId="165" xfId="5" applyFont="1" applyBorder="1" applyAlignment="1" applyProtection="1">
      <alignment horizontal="distributed" vertical="center" justifyLastLine="1"/>
    </xf>
    <xf numFmtId="0" fontId="6" fillId="0" borderId="0" xfId="5" applyFont="1" applyBorder="1" applyAlignment="1">
      <alignment horizontal="center" vertical="center"/>
    </xf>
    <xf numFmtId="0" fontId="9" fillId="0" borderId="43" xfId="5" applyFont="1" applyBorder="1" applyAlignment="1">
      <alignment horizontal="distributed" justifyLastLine="1"/>
    </xf>
    <xf numFmtId="0" fontId="9" fillId="0" borderId="84" xfId="5" applyFont="1" applyBorder="1" applyAlignment="1">
      <alignment horizontal="distributed" justifyLastLine="1"/>
    </xf>
    <xf numFmtId="38" fontId="9" fillId="2" borderId="43" xfId="6" applyFont="1" applyFill="1" applyBorder="1" applyAlignment="1" applyProtection="1">
      <alignment horizontal="distributed" justifyLastLine="1"/>
    </xf>
    <xf numFmtId="0" fontId="9" fillId="2" borderId="44" xfId="5" applyFont="1" applyFill="1" applyBorder="1" applyAlignment="1">
      <alignment horizontal="distributed" justifyLastLine="1"/>
    </xf>
    <xf numFmtId="38" fontId="9" fillId="2" borderId="43" xfId="6" applyFont="1" applyFill="1" applyBorder="1" applyAlignment="1">
      <alignment horizontal="distributed" justifyLastLine="1"/>
    </xf>
    <xf numFmtId="38" fontId="9" fillId="2" borderId="66" xfId="6" applyFont="1" applyFill="1" applyBorder="1" applyAlignment="1">
      <alignment horizontal="distributed" justifyLastLine="1"/>
    </xf>
    <xf numFmtId="0" fontId="9" fillId="2" borderId="65" xfId="5" applyFont="1" applyFill="1" applyBorder="1" applyAlignment="1">
      <alignment horizontal="distributed" justifyLastLine="1"/>
    </xf>
    <xf numFmtId="0" fontId="5" fillId="0" borderId="0" xfId="5" applyFont="1" applyBorder="1" applyAlignment="1">
      <alignment horizontal="center" wrapText="1"/>
    </xf>
    <xf numFmtId="0" fontId="9" fillId="2" borderId="8" xfId="5" applyFont="1" applyFill="1" applyBorder="1" applyAlignment="1">
      <alignment horizontal="distributed" vertical="center"/>
    </xf>
    <xf numFmtId="0" fontId="9" fillId="2" borderId="68" xfId="5" applyFont="1" applyFill="1" applyBorder="1" applyAlignment="1">
      <alignment horizontal="distributed" vertical="center"/>
    </xf>
    <xf numFmtId="0" fontId="9" fillId="2" borderId="26" xfId="5" applyFont="1" applyFill="1" applyBorder="1" applyAlignment="1">
      <alignment horizontal="distributed" vertical="center"/>
    </xf>
    <xf numFmtId="0" fontId="9" fillId="2" borderId="0" xfId="5" applyFont="1" applyFill="1" applyBorder="1" applyAlignment="1">
      <alignment horizontal="distributed" vertical="center"/>
    </xf>
    <xf numFmtId="0" fontId="9" fillId="2" borderId="82" xfId="5" applyFont="1" applyFill="1" applyBorder="1" applyAlignment="1">
      <alignment horizontal="distributed" vertical="center"/>
    </xf>
    <xf numFmtId="0" fontId="9" fillId="2" borderId="38" xfId="5" applyFont="1" applyFill="1" applyBorder="1" applyAlignment="1">
      <alignment horizontal="distributed" vertical="center"/>
    </xf>
    <xf numFmtId="0" fontId="9" fillId="2" borderId="6" xfId="5" applyFont="1" applyFill="1" applyBorder="1" applyAlignment="1">
      <alignment horizontal="center" vertical="center" wrapText="1"/>
    </xf>
    <xf numFmtId="0" fontId="9" fillId="2" borderId="125" xfId="5" applyFont="1" applyFill="1" applyBorder="1" applyAlignment="1">
      <alignment horizontal="center" vertical="center" wrapText="1"/>
    </xf>
    <xf numFmtId="0" fontId="9" fillId="2" borderId="10" xfId="5" applyFont="1" applyFill="1" applyBorder="1" applyAlignment="1">
      <alignment horizontal="center" vertical="center" wrapText="1"/>
    </xf>
    <xf numFmtId="0" fontId="9" fillId="2" borderId="28" xfId="5" applyFont="1" applyFill="1" applyBorder="1" applyAlignment="1">
      <alignment horizontal="center" vertical="center" wrapText="1"/>
    </xf>
    <xf numFmtId="0" fontId="9" fillId="2" borderId="6" xfId="5" applyFont="1" applyFill="1" applyBorder="1" applyAlignment="1">
      <alignment horizontal="center" vertical="center"/>
    </xf>
    <xf numFmtId="0" fontId="9" fillId="2" borderId="125" xfId="5" applyFont="1" applyFill="1" applyBorder="1" applyAlignment="1">
      <alignment horizontal="center" vertical="center"/>
    </xf>
    <xf numFmtId="0" fontId="9" fillId="2" borderId="10" xfId="5" applyFont="1" applyFill="1" applyBorder="1" applyAlignment="1">
      <alignment horizontal="center" vertical="center"/>
    </xf>
    <xf numFmtId="0" fontId="9" fillId="2" borderId="28" xfId="5" applyFont="1" applyFill="1" applyBorder="1" applyAlignment="1">
      <alignment horizontal="center" vertical="center"/>
    </xf>
    <xf numFmtId="0" fontId="9" fillId="2" borderId="7" xfId="5" applyFont="1" applyFill="1" applyBorder="1" applyAlignment="1">
      <alignment horizontal="center" vertical="center"/>
    </xf>
    <xf numFmtId="0" fontId="9" fillId="2" borderId="27" xfId="5" applyFont="1" applyFill="1" applyBorder="1" applyAlignment="1">
      <alignment horizontal="center" vertical="center"/>
    </xf>
    <xf numFmtId="38" fontId="9" fillId="0" borderId="50" xfId="6" applyFont="1" applyBorder="1" applyAlignment="1">
      <alignment horizontal="distributed" justifyLastLine="1"/>
    </xf>
    <xf numFmtId="0" fontId="9" fillId="0" borderId="48" xfId="5" applyFont="1" applyBorder="1" applyAlignment="1">
      <alignment horizontal="distributed" justifyLastLine="1"/>
    </xf>
    <xf numFmtId="38" fontId="9" fillId="0" borderId="76" xfId="6" applyFont="1" applyBorder="1" applyAlignment="1">
      <alignment horizontal="distributed" justifyLastLine="1"/>
    </xf>
    <xf numFmtId="0" fontId="9" fillId="0" borderId="77" xfId="5" applyFont="1" applyBorder="1" applyAlignment="1">
      <alignment horizontal="distributed" justifyLastLine="1"/>
    </xf>
    <xf numFmtId="0" fontId="9" fillId="0" borderId="225" xfId="5" applyFont="1" applyBorder="1" applyAlignment="1">
      <alignment horizontal="distributed" vertical="center"/>
    </xf>
    <xf numFmtId="0" fontId="9" fillId="0" borderId="226" xfId="5" applyFont="1" applyBorder="1" applyAlignment="1">
      <alignment horizontal="distributed" vertical="center"/>
    </xf>
    <xf numFmtId="0" fontId="9" fillId="0" borderId="50" xfId="5" applyFont="1" applyBorder="1" applyAlignment="1">
      <alignment horizontal="distributed" vertical="center"/>
    </xf>
    <xf numFmtId="0" fontId="9" fillId="0" borderId="48" xfId="5" applyFont="1" applyBorder="1" applyAlignment="1">
      <alignment horizontal="distributed" vertical="center"/>
    </xf>
    <xf numFmtId="0" fontId="9" fillId="0" borderId="42" xfId="5" applyFont="1" applyBorder="1" applyAlignment="1">
      <alignment horizontal="distributed" vertical="center"/>
    </xf>
    <xf numFmtId="0" fontId="9" fillId="0" borderId="36" xfId="5" applyFont="1" applyBorder="1" applyAlignment="1">
      <alignment horizontal="distributed" vertical="center"/>
    </xf>
    <xf numFmtId="0" fontId="9" fillId="0" borderId="226" xfId="5" applyFont="1" applyBorder="1" applyAlignment="1">
      <alignment horizontal="center" vertical="center" wrapText="1"/>
    </xf>
    <xf numFmtId="0" fontId="9" fillId="0" borderId="48" xfId="5" applyFont="1" applyBorder="1" applyAlignment="1">
      <alignment horizontal="center" vertical="center" wrapText="1"/>
    </xf>
    <xf numFmtId="0" fontId="9" fillId="0" borderId="226" xfId="5" applyFont="1" applyFill="1" applyBorder="1" applyAlignment="1">
      <alignment horizontal="center" vertical="center"/>
    </xf>
    <xf numFmtId="0" fontId="9" fillId="0" borderId="48" xfId="5" applyFont="1" applyFill="1" applyBorder="1" applyAlignment="1">
      <alignment horizontal="center" vertical="center"/>
    </xf>
    <xf numFmtId="0" fontId="9" fillId="0" borderId="226" xfId="5" applyFont="1" applyBorder="1" applyAlignment="1">
      <alignment horizontal="center" vertical="center"/>
    </xf>
    <xf numFmtId="0" fontId="9" fillId="0" borderId="48" xfId="5" applyFont="1" applyBorder="1" applyAlignment="1">
      <alignment horizontal="center" vertical="center"/>
    </xf>
    <xf numFmtId="0" fontId="9" fillId="0" borderId="227" xfId="5" applyFont="1" applyBorder="1" applyAlignment="1">
      <alignment horizontal="center" vertical="center"/>
    </xf>
    <xf numFmtId="0" fontId="9" fillId="0" borderId="51" xfId="5" applyFont="1" applyBorder="1" applyAlignment="1">
      <alignment horizontal="center" vertical="center"/>
    </xf>
    <xf numFmtId="38" fontId="6" fillId="0" borderId="0" xfId="5" applyNumberFormat="1" applyFont="1"/>
    <xf numFmtId="38" fontId="6" fillId="0" borderId="0" xfId="5" quotePrefix="1" applyNumberFormat="1" applyFont="1"/>
    <xf numFmtId="38" fontId="6" fillId="0" borderId="228" xfId="6" applyFont="1" applyBorder="1" applyAlignment="1" applyProtection="1"/>
    <xf numFmtId="38" fontId="6" fillId="0" borderId="229" xfId="6" applyFont="1" applyBorder="1" applyAlignment="1" applyProtection="1"/>
    <xf numFmtId="38" fontId="6" fillId="0" borderId="230" xfId="6" applyFont="1" applyBorder="1" applyAlignment="1" applyProtection="1"/>
    <xf numFmtId="38" fontId="6" fillId="0" borderId="231" xfId="6" applyFont="1" applyBorder="1" applyAlignment="1" applyProtection="1"/>
    <xf numFmtId="38" fontId="6" fillId="0" borderId="10" xfId="6" applyFont="1" applyBorder="1" applyAlignment="1" applyProtection="1"/>
    <xf numFmtId="0" fontId="6" fillId="0" borderId="28" xfId="5" applyFont="1" applyBorder="1" applyAlignment="1" applyProtection="1">
      <alignment horizontal="centerContinuous"/>
    </xf>
    <xf numFmtId="0" fontId="6" fillId="0" borderId="11" xfId="5" applyFont="1" applyBorder="1" applyAlignment="1">
      <alignment horizontal="centerContinuous"/>
    </xf>
    <xf numFmtId="38" fontId="6" fillId="0" borderId="232" xfId="6" applyFont="1" applyBorder="1" applyAlignment="1" applyProtection="1"/>
    <xf numFmtId="38" fontId="6" fillId="0" borderId="233" xfId="6" applyFont="1" applyBorder="1" applyAlignment="1" applyProtection="1"/>
    <xf numFmtId="0" fontId="6" fillId="0" borderId="204" xfId="5" applyFont="1" applyBorder="1" applyAlignment="1">
      <alignment horizontal="distributed" justifyLastLine="1"/>
    </xf>
    <xf numFmtId="0" fontId="6" fillId="0" borderId="66" xfId="5" applyFont="1" applyBorder="1" applyAlignment="1">
      <alignment horizontal="distributed" justifyLastLine="1"/>
    </xf>
    <xf numFmtId="38" fontId="6" fillId="0" borderId="59" xfId="6" applyFont="1" applyBorder="1" applyAlignment="1" applyProtection="1"/>
    <xf numFmtId="38" fontId="6" fillId="0" borderId="234" xfId="6" applyFont="1" applyBorder="1" applyAlignment="1" applyProtection="1"/>
    <xf numFmtId="38" fontId="6" fillId="0" borderId="56" xfId="6" applyFont="1" applyBorder="1" applyAlignment="1" applyProtection="1"/>
    <xf numFmtId="38" fontId="6" fillId="0" borderId="235" xfId="6" applyFont="1" applyBorder="1" applyAlignment="1" applyProtection="1"/>
    <xf numFmtId="38" fontId="6" fillId="0" borderId="236" xfId="6" applyFont="1" applyBorder="1" applyAlignment="1" applyProtection="1"/>
    <xf numFmtId="38" fontId="6" fillId="0" borderId="237" xfId="6" applyFont="1" applyBorder="1" applyAlignment="1" applyProtection="1"/>
    <xf numFmtId="38" fontId="6" fillId="0" borderId="238" xfId="6" applyFont="1" applyBorder="1" applyAlignment="1" applyProtection="1"/>
    <xf numFmtId="38" fontId="6" fillId="0" borderId="239" xfId="6" applyFont="1" applyBorder="1" applyAlignment="1" applyProtection="1"/>
    <xf numFmtId="0" fontId="6" fillId="0" borderId="40" xfId="5" applyFont="1" applyBorder="1" applyAlignment="1" applyProtection="1">
      <alignment horizontal="centerContinuous"/>
    </xf>
    <xf numFmtId="0" fontId="6" fillId="0" borderId="38" xfId="5" applyFont="1" applyBorder="1" applyAlignment="1">
      <alignment horizontal="centerContinuous"/>
    </xf>
    <xf numFmtId="38" fontId="6" fillId="0" borderId="240" xfId="6" applyFont="1" applyBorder="1" applyAlignment="1" applyProtection="1"/>
    <xf numFmtId="0" fontId="6" fillId="0" borderId="201" xfId="5" applyFont="1" applyBorder="1" applyAlignment="1">
      <alignment horizontal="distributed" justifyLastLine="1"/>
    </xf>
    <xf numFmtId="0" fontId="6" fillId="0" borderId="43" xfId="5" applyFont="1" applyBorder="1" applyAlignment="1">
      <alignment horizontal="distributed" justifyLastLine="1"/>
    </xf>
    <xf numFmtId="38" fontId="6" fillId="0" borderId="241" xfId="6" applyFont="1" applyBorder="1" applyAlignment="1" applyProtection="1"/>
    <xf numFmtId="38" fontId="6" fillId="0" borderId="175" xfId="6" applyFont="1" applyBorder="1" applyAlignment="1" applyProtection="1"/>
    <xf numFmtId="38" fontId="6" fillId="0" borderId="242" xfId="6" applyFont="1" applyBorder="1" applyAlignment="1" applyProtection="1"/>
    <xf numFmtId="38" fontId="6" fillId="0" borderId="149" xfId="6" applyFont="1" applyBorder="1" applyAlignment="1" applyProtection="1"/>
    <xf numFmtId="38" fontId="6" fillId="0" borderId="243" xfId="6" applyFont="1" applyBorder="1" applyAlignment="1" applyProtection="1"/>
    <xf numFmtId="38" fontId="6" fillId="0" borderId="144" xfId="6" applyFont="1" applyBorder="1" applyAlignment="1" applyProtection="1"/>
    <xf numFmtId="0" fontId="6" fillId="0" borderId="34" xfId="5" applyFont="1" applyBorder="1" applyAlignment="1" applyProtection="1">
      <alignment horizontal="left"/>
    </xf>
    <xf numFmtId="0" fontId="6" fillId="0" borderId="38" xfId="5" applyFont="1" applyBorder="1" applyAlignment="1" applyProtection="1"/>
    <xf numFmtId="38" fontId="6" fillId="0" borderId="177" xfId="6" applyFont="1" applyBorder="1" applyAlignment="1" applyProtection="1"/>
    <xf numFmtId="38" fontId="6" fillId="0" borderId="143" xfId="6" applyFont="1" applyBorder="1" applyAlignment="1" applyProtection="1"/>
    <xf numFmtId="38" fontId="6" fillId="0" borderId="150" xfId="6" quotePrefix="1" applyFont="1" applyBorder="1" applyAlignment="1" applyProtection="1"/>
    <xf numFmtId="38" fontId="6" fillId="0" borderId="230" xfId="6" quotePrefix="1" applyFont="1" applyBorder="1" applyAlignment="1" applyProtection="1"/>
    <xf numFmtId="38" fontId="6" fillId="0" borderId="10" xfId="6" quotePrefix="1" applyFont="1" applyBorder="1" applyAlignment="1" applyProtection="1"/>
    <xf numFmtId="0" fontId="15" fillId="0" borderId="34" xfId="5" applyFont="1" applyBorder="1" applyAlignment="1" applyProtection="1">
      <alignment horizontal="left"/>
    </xf>
    <xf numFmtId="178" fontId="6" fillId="0" borderId="172" xfId="5" applyNumberFormat="1" applyFont="1" applyBorder="1" applyAlignment="1">
      <alignment vertical="center"/>
    </xf>
    <xf numFmtId="178" fontId="6" fillId="0" borderId="171" xfId="5" applyNumberFormat="1" applyFont="1" applyBorder="1" applyAlignment="1">
      <alignment vertical="center"/>
    </xf>
    <xf numFmtId="0" fontId="6" fillId="0" borderId="54" xfId="5" applyFont="1" applyBorder="1" applyAlignment="1" applyProtection="1">
      <alignment horizontal="left"/>
    </xf>
    <xf numFmtId="0" fontId="15" fillId="0" borderId="54" xfId="5" applyFont="1" applyBorder="1" applyAlignment="1" applyProtection="1">
      <alignment horizontal="left"/>
    </xf>
    <xf numFmtId="38" fontId="6" fillId="0" borderId="244" xfId="6" applyFont="1" applyBorder="1" applyAlignment="1" applyProtection="1"/>
    <xf numFmtId="38" fontId="6" fillId="0" borderId="245" xfId="6" applyFont="1" applyBorder="1" applyAlignment="1" applyProtection="1"/>
    <xf numFmtId="38" fontId="6" fillId="0" borderId="246" xfId="6" applyFont="1" applyBorder="1" applyAlignment="1" applyProtection="1"/>
    <xf numFmtId="38" fontId="6" fillId="0" borderId="52" xfId="6" quotePrefix="1" applyFont="1" applyBorder="1" applyAlignment="1" applyProtection="1"/>
    <xf numFmtId="38" fontId="6" fillId="0" borderId="247" xfId="6" quotePrefix="1" applyFont="1" applyBorder="1" applyAlignment="1" applyProtection="1"/>
    <xf numFmtId="38" fontId="6" fillId="0" borderId="119" xfId="6" quotePrefix="1" applyFont="1" applyBorder="1" applyAlignment="1" applyProtection="1"/>
    <xf numFmtId="38" fontId="6" fillId="0" borderId="219" xfId="6" quotePrefix="1" applyFont="1" applyBorder="1" applyAlignment="1" applyProtection="1"/>
    <xf numFmtId="178" fontId="6" fillId="0" borderId="248" xfId="5" applyNumberFormat="1" applyFont="1" applyBorder="1" applyAlignment="1">
      <alignment vertical="center"/>
    </xf>
    <xf numFmtId="178" fontId="6" fillId="0" borderId="178" xfId="5" applyNumberFormat="1" applyFont="1" applyBorder="1" applyAlignment="1">
      <alignment vertical="center"/>
    </xf>
    <xf numFmtId="38" fontId="6" fillId="0" borderId="203" xfId="6" applyFont="1" applyBorder="1" applyAlignment="1" applyProtection="1"/>
    <xf numFmtId="38" fontId="6" fillId="0" borderId="202" xfId="6" applyFont="1" applyBorder="1" applyAlignment="1" applyProtection="1"/>
    <xf numFmtId="38" fontId="6" fillId="0" borderId="44" xfId="6" applyFont="1" applyBorder="1" applyAlignment="1" applyProtection="1"/>
    <xf numFmtId="38" fontId="6" fillId="0" borderId="49" xfId="6" quotePrefix="1" applyFont="1" applyBorder="1" applyAlignment="1" applyProtection="1"/>
    <xf numFmtId="38" fontId="6" fillId="0" borderId="11" xfId="6" quotePrefix="1" applyFont="1" applyBorder="1" applyAlignment="1" applyProtection="1"/>
    <xf numFmtId="0" fontId="15" fillId="0" borderId="48" xfId="5" applyFont="1" applyBorder="1" applyAlignment="1" applyProtection="1">
      <alignment horizontal="left"/>
    </xf>
    <xf numFmtId="38" fontId="6" fillId="0" borderId="51" xfId="6" quotePrefix="1" applyFont="1" applyBorder="1" applyAlignment="1" applyProtection="1"/>
    <xf numFmtId="38" fontId="6" fillId="0" borderId="190" xfId="6" quotePrefix="1" applyFont="1" applyBorder="1" applyAlignment="1" applyProtection="1"/>
    <xf numFmtId="38" fontId="6" fillId="0" borderId="18" xfId="6" quotePrefix="1" applyFont="1" applyBorder="1" applyAlignment="1" applyProtection="1"/>
    <xf numFmtId="38" fontId="6" fillId="0" borderId="19" xfId="6" quotePrefix="1" applyFont="1" applyBorder="1" applyAlignment="1" applyProtection="1"/>
    <xf numFmtId="38" fontId="6" fillId="0" borderId="189" xfId="6" quotePrefix="1" applyFont="1" applyBorder="1" applyAlignment="1" applyProtection="1"/>
    <xf numFmtId="0" fontId="15" fillId="0" borderId="29" xfId="5" applyFont="1" applyBorder="1" applyAlignment="1" applyProtection="1">
      <alignment horizontal="left"/>
    </xf>
    <xf numFmtId="38" fontId="6" fillId="0" borderId="249" xfId="6" quotePrefix="1" applyFont="1" applyBorder="1" applyAlignment="1" applyProtection="1"/>
    <xf numFmtId="0" fontId="6" fillId="0" borderId="159" xfId="5" applyFont="1" applyBorder="1" applyAlignment="1" applyProtection="1">
      <alignment horizontal="center" vertical="center"/>
    </xf>
    <xf numFmtId="0" fontId="6" fillId="0" borderId="250" xfId="5" applyFont="1" applyBorder="1" applyAlignment="1" applyProtection="1">
      <alignment horizontal="center" vertical="center"/>
    </xf>
    <xf numFmtId="0" fontId="6" fillId="0" borderId="157" xfId="5" applyFont="1" applyBorder="1" applyAlignment="1" applyProtection="1">
      <alignment horizontal="center" vertical="center"/>
    </xf>
    <xf numFmtId="0" fontId="6" fillId="0" borderId="158" xfId="5" applyFont="1" applyBorder="1" applyAlignment="1" applyProtection="1">
      <alignment horizontal="center" vertical="center"/>
    </xf>
    <xf numFmtId="0" fontId="6" fillId="0" borderId="156" xfId="5" applyFont="1" applyBorder="1" applyAlignment="1" applyProtection="1">
      <alignment horizontal="center" vertical="center"/>
    </xf>
    <xf numFmtId="0" fontId="6" fillId="0" borderId="161" xfId="5" applyFont="1" applyBorder="1" applyAlignment="1" applyProtection="1">
      <alignment horizontal="center" vertical="center"/>
    </xf>
    <xf numFmtId="0" fontId="6" fillId="0" borderId="166" xfId="5" applyFont="1" applyBorder="1" applyAlignment="1" applyProtection="1">
      <alignment horizontal="center" vertical="center"/>
    </xf>
    <xf numFmtId="0" fontId="6" fillId="0" borderId="168" xfId="5" applyFont="1" applyBorder="1" applyAlignment="1" applyProtection="1">
      <alignment horizontal="center" vertical="center" justifyLastLine="1"/>
    </xf>
    <xf numFmtId="0" fontId="6" fillId="0" borderId="159" xfId="5" applyFont="1" applyBorder="1" applyAlignment="1">
      <alignment horizontal="distributed" vertical="center" justifyLastLine="1"/>
    </xf>
    <xf numFmtId="0" fontId="6" fillId="0" borderId="170" xfId="5" applyFont="1" applyBorder="1" applyAlignment="1" applyProtection="1">
      <alignment horizontal="distributed" vertical="center" justifyLastLine="1"/>
    </xf>
    <xf numFmtId="0" fontId="6" fillId="0" borderId="251" xfId="5" applyFont="1" applyBorder="1" applyAlignment="1" applyProtection="1">
      <alignment horizontal="center" vertical="center" wrapText="1" justifyLastLine="1"/>
    </xf>
    <xf numFmtId="0" fontId="6" fillId="0" borderId="156" xfId="5" applyFont="1" applyBorder="1" applyAlignment="1" applyProtection="1">
      <alignment horizontal="center" vertical="center"/>
    </xf>
    <xf numFmtId="0" fontId="6" fillId="0" borderId="170" xfId="5" applyFont="1" applyBorder="1" applyAlignment="1" applyProtection="1">
      <alignment horizontal="center" vertical="center"/>
    </xf>
    <xf numFmtId="0" fontId="6" fillId="0" borderId="160" xfId="5" applyFont="1" applyBorder="1" applyAlignment="1" applyProtection="1">
      <alignment horizontal="center" vertical="center"/>
    </xf>
    <xf numFmtId="0" fontId="6" fillId="0" borderId="165" xfId="5" applyFont="1" applyBorder="1" applyAlignment="1" applyProtection="1">
      <alignment horizontal="distributed" vertical="center" justifyLastLine="1"/>
    </xf>
    <xf numFmtId="0" fontId="6" fillId="0" borderId="173" xfId="5" applyFont="1" applyBorder="1" applyAlignment="1" applyProtection="1">
      <alignment horizontal="center" vertical="center"/>
    </xf>
    <xf numFmtId="0" fontId="6" fillId="0" borderId="152" xfId="5" applyFont="1" applyBorder="1" applyAlignment="1" applyProtection="1">
      <alignment horizontal="center" vertical="center" wrapText="1"/>
    </xf>
    <xf numFmtId="0" fontId="6" fillId="0" borderId="242" xfId="5" applyFont="1" applyBorder="1" applyAlignment="1" applyProtection="1">
      <alignment horizontal="center" vertical="center" wrapText="1"/>
    </xf>
    <xf numFmtId="0" fontId="6" fillId="0" borderId="143" xfId="5" applyFont="1" applyBorder="1" applyAlignment="1" applyProtection="1">
      <alignment horizontal="centerContinuous" vertical="center"/>
    </xf>
    <xf numFmtId="0" fontId="6" fillId="0" borderId="149" xfId="5" applyFont="1" applyBorder="1" applyAlignment="1" applyProtection="1">
      <alignment horizontal="centerContinuous" vertical="center"/>
    </xf>
    <xf numFmtId="0" fontId="6" fillId="0" borderId="146" xfId="5" applyFont="1" applyBorder="1" applyAlignment="1" applyProtection="1">
      <alignment horizontal="centerContinuous" vertical="center"/>
    </xf>
    <xf numFmtId="0" fontId="6" fillId="0" borderId="131" xfId="5" applyFont="1" applyBorder="1" applyAlignment="1" applyProtection="1">
      <alignment horizontal="centerContinuous" vertical="center"/>
    </xf>
    <xf numFmtId="0" fontId="6" fillId="0" borderId="130" xfId="5" applyFont="1" applyBorder="1" applyAlignment="1" applyProtection="1">
      <alignment horizontal="centerContinuous" vertical="center"/>
    </xf>
    <xf numFmtId="0" fontId="6" fillId="0" borderId="144" xfId="5" applyFont="1" applyBorder="1" applyAlignment="1" applyProtection="1">
      <alignment horizontal="centerContinuous" vertical="center"/>
    </xf>
    <xf numFmtId="0" fontId="6" fillId="0" borderId="0" xfId="5" applyFont="1" applyBorder="1" applyAlignment="1" applyProtection="1">
      <alignment horizontal="center" vertical="center"/>
    </xf>
    <xf numFmtId="0" fontId="6" fillId="0" borderId="145" xfId="5" applyFont="1" applyBorder="1" applyAlignment="1" applyProtection="1">
      <alignment vertical="center"/>
    </xf>
    <xf numFmtId="0" fontId="6" fillId="0" borderId="149" xfId="5" applyFont="1" applyBorder="1" applyAlignment="1" applyProtection="1">
      <alignment vertical="center"/>
    </xf>
    <xf numFmtId="0" fontId="6" fillId="0" borderId="137" xfId="5" applyFont="1" applyBorder="1" applyAlignment="1" applyProtection="1">
      <alignment horizontal="center" vertical="center" justifyLastLine="1"/>
    </xf>
    <xf numFmtId="0" fontId="6" fillId="0" borderId="252" xfId="5" applyFont="1" applyBorder="1" applyAlignment="1" applyProtection="1">
      <alignment horizontal="distributed" vertical="center" justifyLastLine="1"/>
    </xf>
    <xf numFmtId="0" fontId="6" fillId="0" borderId="139" xfId="5" applyFont="1" applyBorder="1" applyAlignment="1" applyProtection="1">
      <alignment horizontal="distributed" vertical="center" justifyLastLine="1"/>
    </xf>
    <xf numFmtId="0" fontId="6" fillId="0" borderId="148" xfId="5" applyFont="1" applyBorder="1" applyAlignment="1" applyProtection="1">
      <alignment horizontal="center" vertical="center" wrapText="1"/>
    </xf>
    <xf numFmtId="0" fontId="6" fillId="0" borderId="149" xfId="5" applyFont="1" applyBorder="1" applyAlignment="1" applyProtection="1">
      <alignment horizontal="center" vertical="center" wrapText="1"/>
    </xf>
    <xf numFmtId="0" fontId="6" fillId="0" borderId="143" xfId="5" applyFont="1" applyBorder="1" applyAlignment="1" applyProtection="1">
      <alignment horizontal="center" vertical="center"/>
    </xf>
    <xf numFmtId="0" fontId="6" fillId="0" borderId="144" xfId="5" applyFont="1" applyBorder="1" applyAlignment="1" applyProtection="1">
      <alignment horizontal="center" vertical="center"/>
    </xf>
    <xf numFmtId="0" fontId="2" fillId="0" borderId="152" xfId="5" applyBorder="1" applyAlignment="1">
      <alignment horizontal="center" vertical="center"/>
    </xf>
    <xf numFmtId="0" fontId="2" fillId="0" borderId="144" xfId="5" applyBorder="1" applyAlignment="1">
      <alignment horizontal="center" vertical="center"/>
    </xf>
    <xf numFmtId="0" fontId="6" fillId="0" borderId="152" xfId="5" applyFont="1" applyBorder="1" applyAlignment="1" applyProtection="1">
      <alignment horizontal="center" vertical="center" justifyLastLine="1"/>
    </xf>
    <xf numFmtId="0" fontId="6" fillId="0" borderId="144" xfId="5" applyFont="1" applyBorder="1" applyAlignment="1" applyProtection="1">
      <alignment horizontal="center" vertical="center" justifyLastLine="1"/>
    </xf>
    <xf numFmtId="0" fontId="5" fillId="0" borderId="10" xfId="5" applyFont="1" applyBorder="1" applyAlignment="1" applyProtection="1">
      <alignment horizontal="center" vertical="center" wrapText="1" justifyLastLine="1"/>
    </xf>
    <xf numFmtId="0" fontId="6" fillId="0" borderId="253" xfId="5" applyFont="1" applyBorder="1" applyAlignment="1" applyProtection="1">
      <alignment horizontal="distributed" vertical="center" justifyLastLine="1"/>
    </xf>
    <xf numFmtId="0" fontId="6" fillId="0" borderId="145" xfId="5" applyFont="1" applyBorder="1" applyAlignment="1" applyProtection="1">
      <alignment horizontal="distributed" vertical="center" justifyLastLine="1"/>
    </xf>
    <xf numFmtId="0" fontId="6" fillId="0" borderId="149" xfId="5" applyFont="1" applyBorder="1" applyAlignment="1" applyProtection="1">
      <alignment horizontal="distributed" vertical="center" justifyLastLine="1"/>
    </xf>
    <xf numFmtId="0" fontId="6" fillId="0" borderId="148" xfId="5" applyFont="1" applyBorder="1" applyAlignment="1" applyProtection="1">
      <alignment horizontal="distributed" vertical="center" justifyLastLine="1"/>
    </xf>
    <xf numFmtId="0" fontId="6" fillId="0" borderId="143" xfId="5" applyFont="1" applyBorder="1" applyAlignment="1" applyProtection="1">
      <alignment horizontal="distributed" vertical="center" justifyLastLine="1"/>
    </xf>
    <xf numFmtId="0" fontId="6" fillId="0" borderId="152" xfId="5" applyFont="1" applyBorder="1" applyAlignment="1" applyProtection="1">
      <alignment horizontal="distributed" vertical="center" justifyLastLine="1"/>
    </xf>
    <xf numFmtId="0" fontId="6" fillId="0" borderId="144" xfId="5" applyFont="1" applyBorder="1" applyAlignment="1" applyProtection="1">
      <alignment horizontal="distributed" vertical="center" justifyLastLine="1"/>
    </xf>
    <xf numFmtId="0" fontId="6" fillId="0" borderId="16" xfId="5" applyFont="1" applyBorder="1" applyAlignment="1" applyProtection="1">
      <alignment horizontal="distributed" vertical="center" justifyLastLine="1"/>
    </xf>
    <xf numFmtId="0" fontId="6" fillId="0" borderId="133" xfId="5" applyFont="1" applyBorder="1" applyAlignment="1">
      <alignment horizontal="distributed" vertical="center" justifyLastLine="1"/>
    </xf>
    <xf numFmtId="0" fontId="6" fillId="0" borderId="131" xfId="5" applyFont="1" applyBorder="1" applyAlignment="1">
      <alignment horizontal="distributed" vertical="center" justifyLastLine="1"/>
    </xf>
    <xf numFmtId="0" fontId="6" fillId="0" borderId="130" xfId="5" applyFont="1" applyBorder="1" applyAlignment="1" applyProtection="1">
      <alignment horizontal="distributed" vertical="center" justifyLastLine="1"/>
    </xf>
    <xf numFmtId="0" fontId="6" fillId="0" borderId="146" xfId="5" applyFont="1" applyBorder="1" applyAlignment="1">
      <alignment horizontal="distributed" vertical="center" justifyLastLine="1"/>
    </xf>
    <xf numFmtId="0" fontId="6" fillId="0" borderId="147" xfId="5" applyFont="1" applyBorder="1" applyAlignment="1" applyProtection="1">
      <alignment horizontal="distributed" vertical="center" justifyLastLine="1"/>
    </xf>
    <xf numFmtId="0" fontId="6" fillId="0" borderId="132" xfId="5" applyFont="1" applyBorder="1" applyAlignment="1">
      <alignment horizontal="distributed" vertical="center" justifyLastLine="1"/>
    </xf>
    <xf numFmtId="0" fontId="6" fillId="0" borderId="16" xfId="5" applyFont="1" applyBorder="1" applyAlignment="1" applyProtection="1">
      <alignment horizontal="center" vertical="center" wrapText="1"/>
    </xf>
    <xf numFmtId="0" fontId="6" fillId="0" borderId="254" xfId="5" applyFont="1" applyBorder="1" applyAlignment="1" applyProtection="1">
      <alignment horizontal="center" vertical="center" wrapText="1"/>
    </xf>
    <xf numFmtId="0" fontId="6" fillId="0" borderId="255" xfId="5" applyFont="1" applyBorder="1" applyAlignment="1" applyProtection="1">
      <alignment horizontal="center"/>
    </xf>
    <xf numFmtId="0" fontId="6" fillId="0" borderId="143" xfId="5" applyFont="1" applyBorder="1" applyAlignment="1" applyProtection="1">
      <alignment horizontal="center"/>
    </xf>
    <xf numFmtId="0" fontId="6" fillId="0" borderId="144" xfId="5" applyFont="1" applyBorder="1" applyAlignment="1" applyProtection="1">
      <alignment horizontal="center"/>
    </xf>
    <xf numFmtId="0" fontId="6" fillId="0" borderId="22" xfId="5" applyFont="1" applyBorder="1" applyAlignment="1" applyProtection="1">
      <alignment horizontal="centerContinuous"/>
    </xf>
    <xf numFmtId="0" fontId="6" fillId="0" borderId="186" xfId="5" applyFont="1" applyBorder="1" applyAlignment="1" applyProtection="1">
      <alignment horizontal="centerContinuous"/>
    </xf>
    <xf numFmtId="0" fontId="6" fillId="0" borderId="253" xfId="5" applyFont="1" applyBorder="1" applyAlignment="1" applyProtection="1">
      <alignment horizontal="center" vertical="center" wrapText="1"/>
    </xf>
    <xf numFmtId="0" fontId="6" fillId="0" borderId="186" xfId="5" applyFont="1" applyBorder="1" applyAlignment="1" applyProtection="1">
      <alignment horizontal="center" vertical="center" wrapText="1"/>
    </xf>
    <xf numFmtId="0" fontId="6" fillId="0" borderId="13" xfId="5" applyFont="1" applyBorder="1" applyAlignment="1" applyProtection="1">
      <alignment horizontal="center" vertical="center"/>
    </xf>
    <xf numFmtId="0" fontId="6" fillId="0" borderId="12" xfId="5" applyFont="1" applyBorder="1" applyAlignment="1" applyProtection="1">
      <alignment horizontal="center" vertical="center"/>
    </xf>
    <xf numFmtId="0" fontId="2" fillId="0" borderId="23" xfId="5" applyBorder="1" applyAlignment="1">
      <alignment horizontal="center" vertical="center"/>
    </xf>
    <xf numFmtId="0" fontId="6" fillId="0" borderId="23" xfId="5" applyFont="1" applyBorder="1" applyAlignment="1" applyProtection="1">
      <alignment horizontal="center" vertical="center" justifyLastLine="1"/>
    </xf>
    <xf numFmtId="0" fontId="6" fillId="0" borderId="12" xfId="5" applyFont="1" applyBorder="1" applyAlignment="1" applyProtection="1">
      <alignment horizontal="center" vertical="center" justifyLastLine="1"/>
    </xf>
    <xf numFmtId="0" fontId="5" fillId="0" borderId="12" xfId="5" applyFont="1" applyBorder="1" applyAlignment="1" applyProtection="1">
      <alignment horizontal="center" vertical="center" wrapText="1" justifyLastLine="1"/>
    </xf>
    <xf numFmtId="0" fontId="6" fillId="0" borderId="141" xfId="5" applyFont="1" applyBorder="1" applyAlignment="1" applyProtection="1">
      <alignment horizontal="distributed" vertical="center" justifyLastLine="1"/>
    </xf>
    <xf numFmtId="0" fontId="6" fillId="0" borderId="140" xfId="5" applyFont="1" applyBorder="1" applyAlignment="1" applyProtection="1">
      <alignment horizontal="distributed" vertical="center" justifyLastLine="1"/>
    </xf>
    <xf numFmtId="0" fontId="6" fillId="0" borderId="138" xfId="5" applyFont="1" applyBorder="1" applyAlignment="1" applyProtection="1">
      <alignment horizontal="distributed" vertical="center" justifyLastLine="1"/>
    </xf>
    <xf numFmtId="0" fontId="6" fillId="0" borderId="256" xfId="5" applyFont="1" applyBorder="1" applyAlignment="1" applyProtection="1">
      <alignment horizontal="distributed" vertical="center" justifyLastLine="1"/>
    </xf>
    <xf numFmtId="0" fontId="6" fillId="0" borderId="137" xfId="5" applyFont="1" applyBorder="1" applyAlignment="1" applyProtection="1">
      <alignment horizontal="distributed" vertical="center" justifyLastLine="1"/>
    </xf>
    <xf numFmtId="0" fontId="6" fillId="0" borderId="133" xfId="5" applyFont="1" applyBorder="1" applyAlignment="1" applyProtection="1">
      <alignment horizontal="centerContinuous"/>
    </xf>
    <xf numFmtId="0" fontId="6" fillId="0" borderId="131" xfId="5" applyFont="1" applyBorder="1" applyAlignment="1" applyProtection="1">
      <alignment horizontal="centerContinuous"/>
    </xf>
    <xf numFmtId="0" fontId="6" fillId="0" borderId="132" xfId="5" applyFont="1" applyBorder="1" applyAlignment="1" applyProtection="1">
      <alignment horizontal="centerContinuous"/>
    </xf>
    <xf numFmtId="0" fontId="6" fillId="0" borderId="130" xfId="5" applyFont="1" applyBorder="1" applyAlignment="1" applyProtection="1">
      <alignment horizontal="centerContinuous"/>
    </xf>
    <xf numFmtId="0" fontId="6" fillId="0" borderId="23" xfId="5" applyFont="1" applyBorder="1" applyAlignment="1" applyProtection="1">
      <alignment horizontal="center" vertical="center" wrapText="1"/>
    </xf>
    <xf numFmtId="0" fontId="6" fillId="0" borderId="257" xfId="5" applyFont="1" applyBorder="1" applyAlignment="1" applyProtection="1">
      <alignment horizontal="center" vertical="center" wrapText="1"/>
    </xf>
    <xf numFmtId="0" fontId="6" fillId="0" borderId="258" xfId="5" applyFont="1" applyBorder="1" applyAlignment="1" applyProtection="1">
      <alignment horizontal="center"/>
    </xf>
    <xf numFmtId="0" fontId="6" fillId="0" borderId="13" xfId="5" applyFont="1" applyBorder="1" applyAlignment="1" applyProtection="1">
      <alignment horizontal="center"/>
    </xf>
    <xf numFmtId="0" fontId="6" fillId="0" borderId="12" xfId="5" applyFont="1" applyBorder="1" applyAlignment="1" applyProtection="1">
      <alignment horizontal="center"/>
    </xf>
    <xf numFmtId="0" fontId="6" fillId="0" borderId="7" xfId="5" applyFont="1" applyBorder="1" applyAlignment="1" applyProtection="1">
      <alignment horizontal="centerContinuous"/>
    </xf>
    <xf numFmtId="0" fontId="6" fillId="0" borderId="259" xfId="5" applyFont="1" applyBorder="1" applyAlignment="1" applyProtection="1"/>
    <xf numFmtId="0" fontId="6" fillId="0" borderId="68" xfId="5" applyFont="1" applyBorder="1" applyAlignment="1" applyProtection="1">
      <alignment horizontal="center" vertical="center"/>
    </xf>
    <xf numFmtId="0" fontId="6" fillId="0" borderId="260" xfId="5" applyFont="1" applyBorder="1" applyAlignment="1" applyProtection="1">
      <alignment horizontal="center" vertical="center" wrapText="1"/>
    </xf>
    <xf numFmtId="0" fontId="6" fillId="0" borderId="259" xfId="5" applyFont="1" applyBorder="1" applyAlignment="1" applyProtection="1">
      <alignment horizontal="center" vertical="center" wrapText="1"/>
    </xf>
    <xf numFmtId="0" fontId="6" fillId="0" borderId="68" xfId="5" applyFont="1" applyBorder="1" applyAlignment="1" applyProtection="1">
      <alignment horizontal="center"/>
    </xf>
    <xf numFmtId="0" fontId="6" fillId="0" borderId="6" xfId="5" applyFont="1" applyBorder="1" applyAlignment="1" applyProtection="1">
      <alignment horizontal="center"/>
    </xf>
    <xf numFmtId="0" fontId="6" fillId="0" borderId="260" xfId="5" applyFont="1" applyBorder="1" applyAlignment="1" applyProtection="1">
      <alignment horizontal="distributed" vertical="center" justifyLastLine="1"/>
    </xf>
    <xf numFmtId="0" fontId="6" fillId="0" borderId="128" xfId="5" applyFont="1" applyBorder="1" applyAlignment="1" applyProtection="1">
      <alignment horizontal="center"/>
    </xf>
    <xf numFmtId="0" fontId="6" fillId="0" borderId="127" xfId="5" applyFont="1" applyBorder="1" applyAlignment="1" applyProtection="1">
      <alignment horizontal="center"/>
    </xf>
    <xf numFmtId="0" fontId="6" fillId="0" borderId="126" xfId="5" applyFont="1" applyBorder="1" applyAlignment="1" applyProtection="1">
      <alignment horizontal="center"/>
    </xf>
    <xf numFmtId="0" fontId="6" fillId="0" borderId="125" xfId="5" applyFont="1" applyBorder="1" applyAlignment="1" applyProtection="1">
      <alignment horizontal="distributed" vertical="center" justifyLastLine="1"/>
    </xf>
    <xf numFmtId="0" fontId="6" fillId="0" borderId="0" xfId="5" applyFont="1" applyBorder="1" applyProtection="1"/>
    <xf numFmtId="0" fontId="6" fillId="0" borderId="0" xfId="5" applyFont="1" applyBorder="1" applyAlignment="1" applyProtection="1">
      <alignment horizontal="right"/>
    </xf>
    <xf numFmtId="0" fontId="6" fillId="0" borderId="0" xfId="5" applyFont="1" applyBorder="1" applyAlignment="1" applyProtection="1">
      <alignment horizontal="centerContinuous" vertical="center"/>
    </xf>
    <xf numFmtId="0" fontId="2" fillId="0" borderId="0" xfId="5" applyFont="1" applyBorder="1" applyProtection="1"/>
    <xf numFmtId="38" fontId="6" fillId="0" borderId="63" xfId="6" applyFont="1" applyBorder="1" applyAlignment="1" applyProtection="1"/>
    <xf numFmtId="38" fontId="6" fillId="0" borderId="64" xfId="6" applyFont="1" applyBorder="1" applyAlignment="1" applyProtection="1"/>
    <xf numFmtId="38" fontId="6" fillId="0" borderId="62" xfId="6" applyFont="1" applyBorder="1" applyAlignment="1" applyProtection="1"/>
    <xf numFmtId="38" fontId="6" fillId="0" borderId="205" xfId="6" applyFont="1" applyBorder="1" applyAlignment="1" applyProtection="1"/>
    <xf numFmtId="38" fontId="6" fillId="0" borderId="206" xfId="6" applyFont="1" applyBorder="1" applyAlignment="1" applyProtection="1"/>
    <xf numFmtId="38" fontId="6" fillId="0" borderId="261" xfId="6" applyFont="1" applyBorder="1" applyAlignment="1" applyProtection="1"/>
    <xf numFmtId="38" fontId="6" fillId="0" borderId="262" xfId="6" applyFont="1" applyBorder="1" applyAlignment="1" applyProtection="1"/>
    <xf numFmtId="38" fontId="6" fillId="0" borderId="87" xfId="6" applyFont="1" applyBorder="1" applyAlignment="1" applyProtection="1"/>
    <xf numFmtId="38" fontId="6" fillId="0" borderId="86" xfId="6" applyFont="1" applyBorder="1" applyAlignment="1" applyProtection="1"/>
    <xf numFmtId="38" fontId="6" fillId="0" borderId="45" xfId="6" applyFont="1" applyBorder="1" applyAlignment="1" applyProtection="1"/>
    <xf numFmtId="38" fontId="6" fillId="0" borderId="263" xfId="6" applyFont="1" applyBorder="1" applyAlignment="1" applyProtection="1"/>
    <xf numFmtId="38" fontId="6" fillId="0" borderId="264" xfId="6" applyFont="1" applyBorder="1" applyAlignment="1" applyProtection="1"/>
    <xf numFmtId="38" fontId="6" fillId="0" borderId="54" xfId="6" quotePrefix="1" applyFont="1" applyBorder="1" applyAlignment="1" applyProtection="1"/>
    <xf numFmtId="38" fontId="6" fillId="0" borderId="30" xfId="6" quotePrefix="1" applyFont="1" applyBorder="1" applyAlignment="1" applyProtection="1"/>
    <xf numFmtId="38" fontId="6" fillId="0" borderId="15" xfId="6" quotePrefix="1" applyFont="1" applyBorder="1" applyAlignment="1" applyProtection="1"/>
    <xf numFmtId="38" fontId="6" fillId="0" borderId="86" xfId="6" quotePrefix="1" applyFont="1" applyBorder="1" applyAlignment="1" applyProtection="1"/>
    <xf numFmtId="38" fontId="6" fillId="0" borderId="48" xfId="6" quotePrefix="1" applyFont="1" applyBorder="1" applyAlignment="1" applyProtection="1"/>
    <xf numFmtId="38" fontId="6" fillId="0" borderId="48" xfId="6" applyFont="1" applyBorder="1" applyAlignment="1" applyProtection="1"/>
    <xf numFmtId="38" fontId="6" fillId="0" borderId="29" xfId="6" quotePrefix="1" applyFont="1" applyBorder="1" applyAlignment="1" applyProtection="1"/>
    <xf numFmtId="38" fontId="6" fillId="0" borderId="186" xfId="6" applyFont="1" applyBorder="1" applyAlignment="1" applyProtection="1"/>
    <xf numFmtId="38" fontId="6" fillId="0" borderId="15" xfId="6" applyFont="1" applyBorder="1" applyAlignment="1" applyProtection="1"/>
    <xf numFmtId="0" fontId="6" fillId="0" borderId="159" xfId="5" applyFont="1" applyBorder="1" applyAlignment="1" applyProtection="1">
      <alignment horizontal="center"/>
    </xf>
    <xf numFmtId="0" fontId="6" fillId="0" borderId="250" xfId="5" applyFont="1" applyBorder="1" applyAlignment="1" applyProtection="1">
      <alignment horizontal="center"/>
    </xf>
    <xf numFmtId="0" fontId="6" fillId="0" borderId="157" xfId="5" applyFont="1" applyBorder="1" applyAlignment="1" applyProtection="1">
      <alignment horizontal="center"/>
    </xf>
    <xf numFmtId="0" fontId="6" fillId="0" borderId="158" xfId="5" applyFont="1" applyBorder="1" applyAlignment="1" applyProtection="1">
      <alignment horizontal="center"/>
    </xf>
    <xf numFmtId="0" fontId="6" fillId="0" borderId="156" xfId="5" applyFont="1" applyBorder="1" applyAlignment="1" applyProtection="1">
      <alignment horizontal="center"/>
    </xf>
    <xf numFmtId="0" fontId="6" fillId="0" borderId="161" xfId="5" applyFont="1" applyBorder="1" applyAlignment="1" applyProtection="1">
      <alignment horizontal="center"/>
    </xf>
    <xf numFmtId="0" fontId="6" fillId="0" borderId="168" xfId="5" applyFont="1" applyBorder="1" applyAlignment="1" applyProtection="1">
      <alignment horizontal="center"/>
    </xf>
    <xf numFmtId="0" fontId="6" fillId="0" borderId="215" xfId="5" applyFont="1" applyBorder="1" applyAlignment="1" applyProtection="1">
      <alignment horizontal="center" vertical="center"/>
    </xf>
    <xf numFmtId="0" fontId="6" fillId="0" borderId="159" xfId="5" applyFont="1" applyBorder="1" applyAlignment="1" applyProtection="1">
      <alignment horizontal="distributed" vertical="center" justifyLastLine="1"/>
    </xf>
    <xf numFmtId="0" fontId="6" fillId="0" borderId="160" xfId="5" applyFont="1" applyBorder="1" applyAlignment="1">
      <alignment horizontal="distributed" vertical="center" justifyLastLine="1"/>
    </xf>
    <xf numFmtId="0" fontId="6" fillId="0" borderId="160" xfId="5" applyFont="1" applyBorder="1" applyAlignment="1" applyProtection="1">
      <alignment horizontal="center"/>
    </xf>
    <xf numFmtId="0" fontId="6" fillId="0" borderId="156" xfId="5" applyFont="1" applyBorder="1" applyAlignment="1" applyProtection="1">
      <alignment horizontal="center"/>
    </xf>
    <xf numFmtId="0" fontId="6" fillId="0" borderId="152" xfId="5" applyFont="1" applyBorder="1" applyAlignment="1" applyProtection="1">
      <alignment horizontal="center" wrapText="1"/>
    </xf>
    <xf numFmtId="0" fontId="6" fillId="0" borderId="242" xfId="5" applyFont="1" applyBorder="1" applyAlignment="1" applyProtection="1">
      <alignment horizontal="center" wrapText="1"/>
    </xf>
    <xf numFmtId="0" fontId="6" fillId="0" borderId="143" xfId="5" applyFont="1" applyBorder="1" applyAlignment="1" applyProtection="1">
      <alignment horizontal="centerContinuous"/>
    </xf>
    <xf numFmtId="0" fontId="6" fillId="0" borderId="149" xfId="5" applyFont="1" applyBorder="1" applyAlignment="1" applyProtection="1">
      <alignment horizontal="centerContinuous"/>
    </xf>
    <xf numFmtId="0" fontId="6" fillId="0" borderId="146" xfId="5" applyFont="1" applyBorder="1" applyAlignment="1" applyProtection="1">
      <alignment horizontal="centerContinuous"/>
    </xf>
    <xf numFmtId="0" fontId="6" fillId="0" borderId="144" xfId="5" applyFont="1" applyBorder="1" applyAlignment="1" applyProtection="1">
      <alignment horizontal="centerContinuous"/>
    </xf>
    <xf numFmtId="0" fontId="6" fillId="0" borderId="0" xfId="5" applyFont="1" applyBorder="1" applyAlignment="1" applyProtection="1">
      <alignment horizontal="center"/>
    </xf>
    <xf numFmtId="0" fontId="6" fillId="0" borderId="145" xfId="5" applyFont="1" applyBorder="1" applyAlignment="1" applyProtection="1"/>
    <xf numFmtId="0" fontId="6" fillId="0" borderId="144" xfId="5" applyFont="1" applyBorder="1" applyAlignment="1" applyProtection="1"/>
    <xf numFmtId="0" fontId="6" fillId="0" borderId="213" xfId="5" applyFont="1" applyBorder="1" applyAlignment="1" applyProtection="1">
      <alignment horizontal="center" vertical="center"/>
    </xf>
    <xf numFmtId="0" fontId="6" fillId="0" borderId="265" xfId="5" applyFont="1" applyBorder="1" applyAlignment="1" applyProtection="1">
      <alignment horizontal="distributed" vertical="center" justifyLastLine="1"/>
    </xf>
    <xf numFmtId="0" fontId="6" fillId="0" borderId="143" xfId="5" applyFont="1" applyBorder="1" applyAlignment="1" applyProtection="1">
      <alignment horizontal="center" wrapText="1"/>
    </xf>
    <xf numFmtId="0" fontId="6" fillId="0" borderId="144" xfId="5" applyFont="1" applyBorder="1" applyAlignment="1" applyProtection="1">
      <alignment horizontal="center" wrapText="1"/>
    </xf>
    <xf numFmtId="0" fontId="6" fillId="0" borderId="152" xfId="5" applyFont="1" applyBorder="1" applyAlignment="1" applyProtection="1">
      <alignment horizontal="center" vertical="center"/>
    </xf>
    <xf numFmtId="0" fontId="6" fillId="0" borderId="132" xfId="5" applyFont="1" applyBorder="1" applyAlignment="1">
      <alignment horizontal="center" vertical="center"/>
    </xf>
    <xf numFmtId="0" fontId="6" fillId="0" borderId="130" xfId="5" applyFont="1" applyBorder="1" applyAlignment="1">
      <alignment horizontal="center" vertical="center"/>
    </xf>
    <xf numFmtId="0" fontId="6" fillId="0" borderId="148" xfId="5" applyFont="1" applyBorder="1" applyAlignment="1" applyProtection="1">
      <alignment horizontal="center" vertical="center"/>
    </xf>
    <xf numFmtId="0" fontId="6" fillId="0" borderId="149" xfId="5" applyFont="1" applyBorder="1" applyAlignment="1" applyProtection="1">
      <alignment horizontal="center" vertical="center"/>
    </xf>
    <xf numFmtId="0" fontId="5" fillId="0" borderId="150" xfId="5" applyFont="1" applyBorder="1" applyAlignment="1" applyProtection="1">
      <alignment horizontal="center" vertical="justify" wrapText="1"/>
    </xf>
    <xf numFmtId="0" fontId="6" fillId="0" borderId="133" xfId="5" applyFont="1" applyBorder="1" applyAlignment="1">
      <alignment horizontal="distributed" justifyLastLine="1"/>
    </xf>
    <xf numFmtId="0" fontId="6" fillId="0" borderId="131" xfId="5" applyFont="1" applyBorder="1" applyAlignment="1">
      <alignment horizontal="distributed" justifyLastLine="1"/>
    </xf>
    <xf numFmtId="0" fontId="6" fillId="0" borderId="130" xfId="5" applyFont="1" applyBorder="1" applyAlignment="1" applyProtection="1">
      <alignment horizontal="distributed" justifyLastLine="1"/>
    </xf>
    <xf numFmtId="0" fontId="6" fillId="0" borderId="146" xfId="5" applyFont="1" applyBorder="1" applyAlignment="1">
      <alignment horizontal="distributed" justifyLastLine="1"/>
    </xf>
    <xf numFmtId="0" fontId="6" fillId="0" borderId="147" xfId="5" applyFont="1" applyBorder="1" applyAlignment="1" applyProtection="1">
      <alignment horizontal="distributed" justifyLastLine="1"/>
    </xf>
    <xf numFmtId="0" fontId="6" fillId="0" borderId="132" xfId="5" applyFont="1" applyBorder="1" applyAlignment="1">
      <alignment horizontal="distributed" justifyLastLine="1"/>
    </xf>
    <xf numFmtId="0" fontId="6" fillId="0" borderId="16" xfId="5" applyFont="1" applyBorder="1" applyAlignment="1" applyProtection="1">
      <alignment horizontal="center" wrapText="1"/>
    </xf>
    <xf numFmtId="0" fontId="6" fillId="0" borderId="254" xfId="5" applyFont="1" applyBorder="1" applyAlignment="1" applyProtection="1">
      <alignment horizontal="center" wrapText="1"/>
    </xf>
    <xf numFmtId="0" fontId="6" fillId="0" borderId="15" xfId="5" applyFont="1" applyBorder="1" applyAlignment="1" applyProtection="1">
      <alignment horizontal="centerContinuous"/>
    </xf>
    <xf numFmtId="0" fontId="6" fillId="0" borderId="0" xfId="5" applyFont="1" applyBorder="1" applyAlignment="1" applyProtection="1">
      <alignment horizontal="center" wrapText="1"/>
    </xf>
    <xf numFmtId="0" fontId="6" fillId="0" borderId="15" xfId="5" applyFont="1" applyBorder="1" applyAlignment="1" applyProtection="1">
      <alignment horizontal="center" wrapText="1"/>
    </xf>
    <xf numFmtId="0" fontId="6" fillId="0" borderId="23" xfId="5" applyFont="1" applyBorder="1" applyAlignment="1" applyProtection="1">
      <alignment horizontal="center" vertical="center"/>
    </xf>
    <xf numFmtId="0" fontId="2" fillId="0" borderId="212" xfId="5" applyBorder="1" applyAlignment="1">
      <alignment horizontal="center" vertical="center"/>
    </xf>
    <xf numFmtId="0" fontId="2" fillId="0" borderId="246" xfId="5" applyBorder="1" applyAlignment="1">
      <alignment horizontal="center" vertical="center"/>
    </xf>
    <xf numFmtId="0" fontId="2" fillId="0" borderId="13" xfId="5" applyBorder="1" applyAlignment="1">
      <alignment horizontal="center" vertical="center"/>
    </xf>
    <xf numFmtId="0" fontId="6" fillId="0" borderId="266" xfId="5" applyFont="1" applyBorder="1" applyAlignment="1" applyProtection="1">
      <alignment horizontal="center" vertical="center"/>
    </xf>
    <xf numFmtId="0" fontId="5" fillId="0" borderId="142" xfId="5" applyFont="1" applyBorder="1" applyAlignment="1" applyProtection="1">
      <alignment horizontal="center" vertical="justify" wrapText="1"/>
    </xf>
    <xf numFmtId="0" fontId="6" fillId="0" borderId="23" xfId="5" applyFont="1" applyBorder="1" applyAlignment="1" applyProtection="1">
      <alignment horizontal="center" wrapText="1"/>
    </xf>
    <xf numFmtId="0" fontId="6" fillId="0" borderId="257" xfId="5" applyFont="1" applyBorder="1" applyAlignment="1" applyProtection="1">
      <alignment horizontal="center" wrapText="1"/>
    </xf>
    <xf numFmtId="0" fontId="6" fillId="0" borderId="6" xfId="5" applyFont="1" applyBorder="1" applyAlignment="1" applyProtection="1"/>
    <xf numFmtId="0" fontId="6" fillId="0" borderId="125" xfId="5" applyFont="1" applyBorder="1" applyAlignment="1" applyProtection="1">
      <alignment horizontal="center" vertical="center"/>
    </xf>
    <xf numFmtId="0" fontId="6" fillId="0" borderId="6" xfId="5" applyFont="1" applyBorder="1" applyAlignment="1" applyProtection="1">
      <alignment horizontal="center" vertical="center"/>
    </xf>
    <xf numFmtId="0" fontId="6" fillId="0" borderId="68" xfId="5" applyFont="1" applyBorder="1" applyAlignment="1" applyProtection="1">
      <alignment horizontal="center" wrapText="1"/>
    </xf>
    <xf numFmtId="0" fontId="6" fillId="0" borderId="6" xfId="5" applyFont="1" applyBorder="1" applyAlignment="1" applyProtection="1">
      <alignment horizontal="center" wrapText="1"/>
    </xf>
    <xf numFmtId="0" fontId="6" fillId="0" borderId="129" xfId="5" applyFont="1" applyBorder="1" applyAlignment="1" applyProtection="1">
      <alignment horizontal="center"/>
    </xf>
    <xf numFmtId="0" fontId="6" fillId="0" borderId="3" xfId="5" applyFont="1" applyBorder="1" applyAlignment="1" applyProtection="1">
      <alignment horizontal="center"/>
    </xf>
    <xf numFmtId="0" fontId="6" fillId="0" borderId="2" xfId="5" applyFont="1" applyBorder="1" applyAlignment="1" applyProtection="1">
      <alignment horizontal="center"/>
    </xf>
    <xf numFmtId="0" fontId="2" fillId="0" borderId="0" xfId="5" applyFont="1" applyBorder="1" applyAlignment="1" applyProtection="1">
      <alignment horizontal="right"/>
    </xf>
    <xf numFmtId="0" fontId="2" fillId="0" borderId="0" xfId="5" applyFont="1" applyBorder="1" applyAlignment="1" applyProtection="1">
      <alignment horizontal="centerContinuous" vertical="center"/>
    </xf>
  </cellXfs>
  <cellStyles count="9">
    <cellStyle name="桁区切り 2" xfId="4"/>
    <cellStyle name="桁区切り 3" xfId="6"/>
    <cellStyle name="標準" xfId="0" builtinId="0"/>
    <cellStyle name="標準 2" xfId="5"/>
    <cellStyle name="標準_事04統13" xfId="7"/>
    <cellStyle name="標準_事04統15" xfId="2"/>
    <cellStyle name="標準_事06統14" xfId="1"/>
    <cellStyle name="標準_第７表 (2)" xfId="8"/>
    <cellStyle name="標準_単独集計" xfId="3"/>
  </cellStyles>
  <dxfs count="1">
    <dxf>
      <font>
        <condense val="0"/>
        <extend val="0"/>
        <color indexed="10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2.xml"/><Relationship Id="rId5" Type="http://schemas.openxmlformats.org/officeDocument/2006/relationships/worksheet" Target="worksheets/sheet5.xml"/><Relationship Id="rId15" Type="http://schemas.openxmlformats.org/officeDocument/2006/relationships/sharedStrings" Target="sharedStrings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J:\g1385002\13%20&#32113;&#35336;\02%20&#20107;&#26989;&#29366;&#27841;\&#65298;&#65305;&#24180;&#24230;&#20316;&#25104;&#20998;\My%20Documents\&#65420;&#65383;&#65394;&#65433;\&#65297;&#65298;&#20107;&#26989;&#29366;&#27841;\&#65297;&#65297;&#24180;&#24230;&#20316;&#25104;&#20998;\&#32207;&#21512;&#38598;&#35336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group/g1385002/13%20&#32113;&#35336;/02%20&#20107;&#26989;&#29366;&#27841;/R01&#24180;&#24230;&#20998;/02_&#21407;&#31295;/03_&#9313;&#32113;&#35336;/R1&#32207;&#21512;02-2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group/g1385002/13%20&#32113;&#35336;/02%20&#20107;&#26989;&#29366;&#27841;/R01&#24180;&#24230;&#20998;/02_&#21407;&#31295;/03_&#9313;&#32113;&#35336;/R1&#32207;&#21512;02-4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総合集計"/>
    </sheetNames>
    <definedNames>
      <definedName name="デｰタ消去"/>
    </defined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/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/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valuation="1" transitionEntry="1"/>
  <dimension ref="A1:CE52"/>
  <sheetViews>
    <sheetView tabSelected="1" zoomScaleNormal="100" zoomScaleSheetLayoutView="145" workbookViewId="0">
      <pane xSplit="1" ySplit="7" topLeftCell="B8" activePane="bottomRight" state="frozen"/>
      <selection activeCell="G16" sqref="G16"/>
      <selection pane="topRight" activeCell="G16" sqref="G16"/>
      <selection pane="bottomLeft" activeCell="G16" sqref="G16"/>
      <selection pane="bottomRight"/>
    </sheetView>
  </sheetViews>
  <sheetFormatPr defaultColWidth="9.6640625" defaultRowHeight="9.6" x14ac:dyDescent="0.15"/>
  <cols>
    <col min="1" max="1" width="12.44140625" style="2" customWidth="1"/>
    <col min="2" max="3" width="8.77734375" style="2" customWidth="1"/>
    <col min="4" max="4" width="11.33203125" style="2" bestFit="1" customWidth="1"/>
    <col min="5" max="6" width="8.77734375" style="2" customWidth="1"/>
    <col min="7" max="7" width="11.33203125" style="2" bestFit="1" customWidth="1"/>
    <col min="8" max="8" width="8.33203125" style="2" customWidth="1"/>
    <col min="9" max="9" width="8.77734375" style="2" customWidth="1"/>
    <col min="10" max="10" width="10.21875" style="2" bestFit="1" customWidth="1"/>
    <col min="11" max="12" width="8.77734375" style="2" customWidth="1"/>
    <col min="13" max="13" width="11.77734375" style="2" customWidth="1"/>
    <col min="14" max="15" width="8.77734375" style="2" customWidth="1"/>
    <col min="16" max="16" width="12.109375" style="2" bestFit="1" customWidth="1"/>
    <col min="17" max="17" width="10.77734375" style="2" customWidth="1"/>
    <col min="18" max="18" width="7.44140625" style="2" customWidth="1"/>
    <col min="19" max="19" width="8.77734375" style="2" customWidth="1"/>
    <col min="20" max="20" width="9.77734375" style="2" customWidth="1"/>
    <col min="21" max="21" width="7.44140625" style="2" customWidth="1"/>
    <col min="22" max="22" width="8.77734375" style="2" customWidth="1"/>
    <col min="23" max="23" width="9.77734375" style="2" customWidth="1"/>
    <col min="24" max="24" width="10.21875" style="2" customWidth="1"/>
    <col min="25" max="25" width="10.77734375" style="2" customWidth="1"/>
    <col min="26" max="27" width="7.44140625" style="2" customWidth="1"/>
    <col min="28" max="28" width="8.77734375" style="2" customWidth="1"/>
    <col min="29" max="29" width="7.44140625" style="2" customWidth="1"/>
    <col min="30" max="30" width="8.77734375" style="2" customWidth="1"/>
    <col min="31" max="31" width="7.44140625" style="2" customWidth="1"/>
    <col min="32" max="32" width="8.77734375" style="2" customWidth="1"/>
    <col min="33" max="33" width="7.44140625" style="2" customWidth="1"/>
    <col min="34" max="34" width="8.77734375" style="2" customWidth="1"/>
    <col min="35" max="35" width="10.77734375" style="2" customWidth="1"/>
    <col min="36" max="36" width="7.44140625" style="2" customWidth="1"/>
    <col min="37" max="37" width="8.77734375" style="2" customWidth="1"/>
    <col min="38" max="38" width="7.44140625" style="2" customWidth="1"/>
    <col min="39" max="40" width="8.77734375" style="2" customWidth="1"/>
    <col min="41" max="41" width="9.77734375" style="2" customWidth="1"/>
    <col min="42" max="42" width="4.6640625" style="2" customWidth="1"/>
    <col min="43" max="43" width="6" style="2" bestFit="1" customWidth="1"/>
    <col min="44" max="48" width="9.77734375" style="2" customWidth="1"/>
    <col min="49" max="49" width="7.77734375" style="2" customWidth="1"/>
    <col min="50" max="50" width="8.77734375" style="2" customWidth="1"/>
    <col min="51" max="51" width="7.77734375" style="2" customWidth="1"/>
    <col min="52" max="52" width="8.77734375" style="2" customWidth="1"/>
    <col min="53" max="53" width="10.77734375" style="2" customWidth="1"/>
    <col min="54" max="54" width="8.109375" style="2" customWidth="1"/>
    <col min="55" max="55" width="11.77734375" style="2" customWidth="1"/>
    <col min="56" max="56" width="6.6640625" style="2" hidden="1" customWidth="1"/>
    <col min="57" max="57" width="7" style="2" hidden="1" customWidth="1"/>
    <col min="58" max="58" width="8.109375" style="2" customWidth="1"/>
    <col min="59" max="59" width="11.77734375" style="2" customWidth="1"/>
    <col min="60" max="60" width="8.109375" style="2" customWidth="1"/>
    <col min="61" max="61" width="11.77734375" style="2" customWidth="1"/>
    <col min="62" max="62" width="8.109375" style="2" customWidth="1"/>
    <col min="63" max="63" width="11.77734375" style="2" customWidth="1"/>
    <col min="64" max="64" width="8.109375" style="2" customWidth="1"/>
    <col min="65" max="65" width="11.77734375" style="2" customWidth="1"/>
    <col min="66" max="66" width="8.109375" style="2" customWidth="1"/>
    <col min="67" max="67" width="11.77734375" style="2" customWidth="1"/>
    <col min="68" max="68" width="11.21875" style="2" customWidth="1"/>
    <col min="69" max="69" width="11.77734375" style="2" customWidth="1"/>
    <col min="70" max="70" width="10.77734375" style="2" customWidth="1"/>
    <col min="71" max="73" width="9.77734375" style="2" customWidth="1"/>
    <col min="74" max="74" width="10.77734375" style="2" customWidth="1"/>
    <col min="75" max="75" width="11.6640625" style="2" bestFit="1" customWidth="1"/>
    <col min="76" max="77" width="9.77734375" style="2" customWidth="1"/>
    <col min="78" max="78" width="10.77734375" style="2" customWidth="1"/>
    <col min="79" max="81" width="9.77734375" style="2" customWidth="1"/>
    <col min="82" max="83" width="10.77734375" style="2" customWidth="1"/>
    <col min="84" max="16384" width="9.6640625" style="2"/>
  </cols>
  <sheetData>
    <row r="1" spans="1:83" ht="14.25" customHeight="1" x14ac:dyDescent="0.2">
      <c r="A1" s="1" t="s">
        <v>0</v>
      </c>
    </row>
    <row r="2" spans="1:83" ht="13.8" thickBot="1" x14ac:dyDescent="0.25">
      <c r="A2" s="3" t="s">
        <v>1</v>
      </c>
      <c r="P2" s="4" t="s">
        <v>2</v>
      </c>
      <c r="Q2" s="3" t="s">
        <v>3</v>
      </c>
      <c r="Z2" s="3"/>
      <c r="AH2" s="4" t="s">
        <v>4</v>
      </c>
      <c r="AI2" s="3" t="s">
        <v>5</v>
      </c>
      <c r="AJ2" s="3"/>
      <c r="AW2" s="3"/>
      <c r="AZ2" s="4" t="s">
        <v>6</v>
      </c>
      <c r="BA2" s="3" t="s">
        <v>7</v>
      </c>
      <c r="BB2" s="3"/>
      <c r="BN2" s="3"/>
      <c r="BQ2" s="4" t="s">
        <v>8</v>
      </c>
      <c r="BR2" s="3" t="s">
        <v>9</v>
      </c>
      <c r="BS2" s="3"/>
      <c r="CD2" s="4"/>
    </row>
    <row r="3" spans="1:83" s="11" customFormat="1" ht="15" customHeight="1" x14ac:dyDescent="0.15">
      <c r="A3" s="5"/>
      <c r="B3" s="772" t="s">
        <v>10</v>
      </c>
      <c r="C3" s="773"/>
      <c r="D3" s="773"/>
      <c r="E3" s="773"/>
      <c r="F3" s="773"/>
      <c r="G3" s="773"/>
      <c r="H3" s="773"/>
      <c r="I3" s="773"/>
      <c r="J3" s="773"/>
      <c r="K3" s="773"/>
      <c r="L3" s="773"/>
      <c r="M3" s="773"/>
      <c r="N3" s="773"/>
      <c r="O3" s="773"/>
      <c r="P3" s="774"/>
      <c r="Q3" s="5"/>
      <c r="R3" s="769" t="s">
        <v>11</v>
      </c>
      <c r="S3" s="773"/>
      <c r="T3" s="773"/>
      <c r="U3" s="773"/>
      <c r="V3" s="773"/>
      <c r="W3" s="773"/>
      <c r="X3" s="773"/>
      <c r="Y3" s="773"/>
      <c r="Z3" s="775" t="s">
        <v>12</v>
      </c>
      <c r="AA3" s="770"/>
      <c r="AB3" s="770"/>
      <c r="AC3" s="770"/>
      <c r="AD3" s="770"/>
      <c r="AE3" s="770"/>
      <c r="AF3" s="770"/>
      <c r="AG3" s="770"/>
      <c r="AH3" s="771"/>
      <c r="AI3" s="5"/>
      <c r="AJ3" s="776" t="s">
        <v>12</v>
      </c>
      <c r="AK3" s="776"/>
      <c r="AL3" s="776"/>
      <c r="AM3" s="776"/>
      <c r="AN3" s="776"/>
      <c r="AO3" s="776"/>
      <c r="AP3" s="6"/>
      <c r="AQ3" s="7"/>
      <c r="AR3" s="777" t="s">
        <v>13</v>
      </c>
      <c r="AS3" s="764"/>
      <c r="AT3" s="779" t="s">
        <v>14</v>
      </c>
      <c r="AU3" s="773"/>
      <c r="AV3" s="773"/>
      <c r="AW3" s="763" t="s">
        <v>15</v>
      </c>
      <c r="AX3" s="764"/>
      <c r="AY3" s="763" t="s">
        <v>16</v>
      </c>
      <c r="AZ3" s="764"/>
      <c r="BA3" s="5"/>
      <c r="BB3" s="769" t="s">
        <v>17</v>
      </c>
      <c r="BC3" s="770"/>
      <c r="BD3" s="770"/>
      <c r="BE3" s="770"/>
      <c r="BF3" s="770"/>
      <c r="BG3" s="770"/>
      <c r="BH3" s="770"/>
      <c r="BI3" s="770"/>
      <c r="BJ3" s="770"/>
      <c r="BK3" s="770"/>
      <c r="BL3" s="770"/>
      <c r="BM3" s="770"/>
      <c r="BN3" s="770"/>
      <c r="BO3" s="771"/>
      <c r="BP3" s="763" t="s">
        <v>18</v>
      </c>
      <c r="BQ3" s="764"/>
      <c r="BR3" s="5"/>
      <c r="BS3" s="8" t="s">
        <v>19</v>
      </c>
      <c r="BT3" s="8"/>
      <c r="BU3" s="8"/>
      <c r="BV3" s="9"/>
      <c r="BW3" s="8"/>
      <c r="BX3" s="8"/>
      <c r="BY3" s="8"/>
      <c r="BZ3" s="8"/>
      <c r="CA3" s="8"/>
      <c r="CB3" s="8"/>
      <c r="CC3" s="8"/>
      <c r="CD3" s="10"/>
    </row>
    <row r="4" spans="1:83" s="11" customFormat="1" ht="12" customHeight="1" x14ac:dyDescent="0.15">
      <c r="A4" s="12" t="s">
        <v>20</v>
      </c>
      <c r="B4" s="13" t="s">
        <v>21</v>
      </c>
      <c r="C4" s="14"/>
      <c r="D4" s="15"/>
      <c r="E4" s="14"/>
      <c r="F4" s="14"/>
      <c r="G4" s="14"/>
      <c r="H4" s="14"/>
      <c r="I4" s="14"/>
      <c r="J4" s="15"/>
      <c r="K4" s="14"/>
      <c r="L4" s="14"/>
      <c r="M4" s="14"/>
      <c r="N4" s="728" t="s">
        <v>22</v>
      </c>
      <c r="O4" s="729"/>
      <c r="P4" s="730"/>
      <c r="Q4" s="12" t="s">
        <v>20</v>
      </c>
      <c r="R4" s="734" t="s">
        <v>23</v>
      </c>
      <c r="S4" s="735"/>
      <c r="T4" s="736"/>
      <c r="U4" s="735" t="s">
        <v>24</v>
      </c>
      <c r="V4" s="735"/>
      <c r="W4" s="735"/>
      <c r="X4" s="740" t="s">
        <v>25</v>
      </c>
      <c r="Y4" s="741"/>
      <c r="Z4" s="742" t="s">
        <v>26</v>
      </c>
      <c r="AA4" s="745" t="s">
        <v>27</v>
      </c>
      <c r="AB4" s="746"/>
      <c r="AC4" s="746"/>
      <c r="AD4" s="746"/>
      <c r="AE4" s="746"/>
      <c r="AF4" s="746"/>
      <c r="AG4" s="746"/>
      <c r="AH4" s="747"/>
      <c r="AI4" s="12" t="s">
        <v>20</v>
      </c>
      <c r="AJ4" s="746" t="s">
        <v>27</v>
      </c>
      <c r="AK4" s="746"/>
      <c r="AL4" s="746"/>
      <c r="AM4" s="746"/>
      <c r="AN4" s="746"/>
      <c r="AO4" s="780"/>
      <c r="AP4" s="781" t="s">
        <v>28</v>
      </c>
      <c r="AQ4" s="782"/>
      <c r="AR4" s="778"/>
      <c r="AS4" s="766"/>
      <c r="AT4" s="785" t="s">
        <v>29</v>
      </c>
      <c r="AU4" s="788" t="s">
        <v>30</v>
      </c>
      <c r="AV4" s="760" t="s">
        <v>31</v>
      </c>
      <c r="AW4" s="765"/>
      <c r="AX4" s="766"/>
      <c r="AY4" s="765"/>
      <c r="AZ4" s="766"/>
      <c r="BA4" s="12" t="s">
        <v>20</v>
      </c>
      <c r="BB4" s="714" t="s">
        <v>32</v>
      </c>
      <c r="BC4" s="711"/>
      <c r="BD4" s="710" t="s">
        <v>33</v>
      </c>
      <c r="BE4" s="711"/>
      <c r="BF4" s="710" t="s">
        <v>34</v>
      </c>
      <c r="BG4" s="714"/>
      <c r="BH4" s="710" t="s">
        <v>35</v>
      </c>
      <c r="BI4" s="711"/>
      <c r="BJ4" s="710" t="s">
        <v>36</v>
      </c>
      <c r="BK4" s="711"/>
      <c r="BL4" s="710" t="s">
        <v>37</v>
      </c>
      <c r="BM4" s="711"/>
      <c r="BN4" s="714" t="s">
        <v>38</v>
      </c>
      <c r="BO4" s="714"/>
      <c r="BP4" s="765"/>
      <c r="BQ4" s="766"/>
      <c r="BR4" s="16" t="s">
        <v>20</v>
      </c>
      <c r="BS4" s="716" t="s">
        <v>39</v>
      </c>
      <c r="BT4" s="717"/>
      <c r="BU4" s="717"/>
      <c r="BV4" s="718"/>
      <c r="BW4" s="722" t="s">
        <v>40</v>
      </c>
      <c r="BX4" s="723"/>
      <c r="BY4" s="723"/>
      <c r="BZ4" s="724"/>
      <c r="CA4" s="722" t="s">
        <v>41</v>
      </c>
      <c r="CB4" s="723"/>
      <c r="CC4" s="723"/>
      <c r="CD4" s="755"/>
    </row>
    <row r="5" spans="1:83" s="11" customFormat="1" ht="12" customHeight="1" x14ac:dyDescent="0.15">
      <c r="A5" s="12" t="s">
        <v>42</v>
      </c>
      <c r="B5" s="757" t="s">
        <v>43</v>
      </c>
      <c r="C5" s="758"/>
      <c r="D5" s="759"/>
      <c r="E5" s="757" t="s">
        <v>44</v>
      </c>
      <c r="F5" s="758"/>
      <c r="G5" s="759"/>
      <c r="H5" s="757" t="s">
        <v>45</v>
      </c>
      <c r="I5" s="758"/>
      <c r="J5" s="759"/>
      <c r="K5" s="757" t="s">
        <v>46</v>
      </c>
      <c r="L5" s="758"/>
      <c r="M5" s="758"/>
      <c r="N5" s="731"/>
      <c r="O5" s="732"/>
      <c r="P5" s="733"/>
      <c r="Q5" s="12" t="s">
        <v>42</v>
      </c>
      <c r="R5" s="737"/>
      <c r="S5" s="738"/>
      <c r="T5" s="739"/>
      <c r="U5" s="738"/>
      <c r="V5" s="738"/>
      <c r="W5" s="738"/>
      <c r="X5" s="737"/>
      <c r="Y5" s="738"/>
      <c r="Z5" s="743"/>
      <c r="AA5" s="757" t="s">
        <v>47</v>
      </c>
      <c r="AB5" s="759"/>
      <c r="AC5" s="748" t="s">
        <v>48</v>
      </c>
      <c r="AD5" s="749"/>
      <c r="AE5" s="748" t="s">
        <v>49</v>
      </c>
      <c r="AF5" s="749"/>
      <c r="AG5" s="748" t="s">
        <v>50</v>
      </c>
      <c r="AH5" s="750"/>
      <c r="AI5" s="12" t="s">
        <v>42</v>
      </c>
      <c r="AJ5" s="751" t="s">
        <v>51</v>
      </c>
      <c r="AK5" s="752"/>
      <c r="AL5" s="753" t="s">
        <v>52</v>
      </c>
      <c r="AM5" s="754"/>
      <c r="AN5" s="17" t="s">
        <v>53</v>
      </c>
      <c r="AO5" s="14"/>
      <c r="AP5" s="783"/>
      <c r="AQ5" s="784"/>
      <c r="AR5" s="712"/>
      <c r="AS5" s="768"/>
      <c r="AT5" s="786"/>
      <c r="AU5" s="789"/>
      <c r="AV5" s="761"/>
      <c r="AW5" s="767"/>
      <c r="AX5" s="768"/>
      <c r="AY5" s="767"/>
      <c r="AZ5" s="768"/>
      <c r="BA5" s="12" t="s">
        <v>42</v>
      </c>
      <c r="BB5" s="715"/>
      <c r="BC5" s="713"/>
      <c r="BD5" s="712"/>
      <c r="BE5" s="713"/>
      <c r="BF5" s="712"/>
      <c r="BG5" s="715"/>
      <c r="BH5" s="712"/>
      <c r="BI5" s="713"/>
      <c r="BJ5" s="712"/>
      <c r="BK5" s="713"/>
      <c r="BL5" s="712"/>
      <c r="BM5" s="713"/>
      <c r="BN5" s="715"/>
      <c r="BO5" s="715"/>
      <c r="BP5" s="767"/>
      <c r="BQ5" s="768"/>
      <c r="BR5" s="16" t="s">
        <v>42</v>
      </c>
      <c r="BS5" s="719"/>
      <c r="BT5" s="720"/>
      <c r="BU5" s="720"/>
      <c r="BV5" s="721"/>
      <c r="BW5" s="725"/>
      <c r="BX5" s="726"/>
      <c r="BY5" s="726"/>
      <c r="BZ5" s="727"/>
      <c r="CA5" s="725"/>
      <c r="CB5" s="726"/>
      <c r="CC5" s="726"/>
      <c r="CD5" s="756"/>
    </row>
    <row r="6" spans="1:83" s="11" customFormat="1" ht="13.2" customHeight="1" thickBot="1" x14ac:dyDescent="0.2">
      <c r="A6" s="18" t="s">
        <v>54</v>
      </c>
      <c r="B6" s="19" t="s">
        <v>55</v>
      </c>
      <c r="C6" s="19" t="s">
        <v>56</v>
      </c>
      <c r="D6" s="19" t="s">
        <v>57</v>
      </c>
      <c r="E6" s="19" t="s">
        <v>58</v>
      </c>
      <c r="F6" s="19" t="s">
        <v>59</v>
      </c>
      <c r="G6" s="20" t="s">
        <v>57</v>
      </c>
      <c r="H6" s="19" t="s">
        <v>60</v>
      </c>
      <c r="I6" s="19" t="s">
        <v>59</v>
      </c>
      <c r="J6" s="20" t="s">
        <v>57</v>
      </c>
      <c r="K6" s="19" t="s">
        <v>58</v>
      </c>
      <c r="L6" s="19" t="s">
        <v>61</v>
      </c>
      <c r="M6" s="19" t="s">
        <v>57</v>
      </c>
      <c r="N6" s="19" t="s">
        <v>62</v>
      </c>
      <c r="O6" s="19" t="s">
        <v>63</v>
      </c>
      <c r="P6" s="21" t="s">
        <v>64</v>
      </c>
      <c r="Q6" s="18" t="s">
        <v>54</v>
      </c>
      <c r="R6" s="19" t="s">
        <v>65</v>
      </c>
      <c r="S6" s="19" t="s">
        <v>66</v>
      </c>
      <c r="T6" s="22" t="s">
        <v>57</v>
      </c>
      <c r="U6" s="19" t="s">
        <v>65</v>
      </c>
      <c r="V6" s="19" t="s">
        <v>66</v>
      </c>
      <c r="W6" s="22" t="s">
        <v>67</v>
      </c>
      <c r="X6" s="19" t="s">
        <v>65</v>
      </c>
      <c r="Y6" s="23" t="s">
        <v>67</v>
      </c>
      <c r="Z6" s="744"/>
      <c r="AA6" s="19" t="s">
        <v>68</v>
      </c>
      <c r="AB6" s="23" t="s">
        <v>67</v>
      </c>
      <c r="AC6" s="19" t="s">
        <v>69</v>
      </c>
      <c r="AD6" s="23" t="s">
        <v>70</v>
      </c>
      <c r="AE6" s="19" t="s">
        <v>69</v>
      </c>
      <c r="AF6" s="23" t="s">
        <v>70</v>
      </c>
      <c r="AG6" s="19" t="s">
        <v>69</v>
      </c>
      <c r="AH6" s="24" t="s">
        <v>70</v>
      </c>
      <c r="AI6" s="18" t="s">
        <v>54</v>
      </c>
      <c r="AJ6" s="19" t="s">
        <v>69</v>
      </c>
      <c r="AK6" s="23" t="s">
        <v>70</v>
      </c>
      <c r="AL6" s="25" t="s">
        <v>68</v>
      </c>
      <c r="AM6" s="23" t="s">
        <v>57</v>
      </c>
      <c r="AN6" s="26" t="s">
        <v>65</v>
      </c>
      <c r="AO6" s="22" t="s">
        <v>57</v>
      </c>
      <c r="AP6" s="27" t="s">
        <v>71</v>
      </c>
      <c r="AQ6" s="24" t="s">
        <v>57</v>
      </c>
      <c r="AR6" s="26" t="s">
        <v>65</v>
      </c>
      <c r="AS6" s="28" t="s">
        <v>57</v>
      </c>
      <c r="AT6" s="787"/>
      <c r="AU6" s="790"/>
      <c r="AV6" s="762"/>
      <c r="AW6" s="29" t="s">
        <v>58</v>
      </c>
      <c r="AX6" s="28" t="s">
        <v>57</v>
      </c>
      <c r="AY6" s="29" t="s">
        <v>65</v>
      </c>
      <c r="AZ6" s="28" t="s">
        <v>67</v>
      </c>
      <c r="BA6" s="18" t="s">
        <v>54</v>
      </c>
      <c r="BB6" s="27" t="s">
        <v>72</v>
      </c>
      <c r="BC6" s="23" t="s">
        <v>57</v>
      </c>
      <c r="BD6" s="19" t="s">
        <v>73</v>
      </c>
      <c r="BE6" s="19" t="s">
        <v>74</v>
      </c>
      <c r="BF6" s="19" t="s">
        <v>75</v>
      </c>
      <c r="BG6" s="23" t="s">
        <v>57</v>
      </c>
      <c r="BH6" s="19" t="s">
        <v>76</v>
      </c>
      <c r="BI6" s="23" t="s">
        <v>57</v>
      </c>
      <c r="BJ6" s="19" t="s">
        <v>72</v>
      </c>
      <c r="BK6" s="23" t="s">
        <v>77</v>
      </c>
      <c r="BL6" s="19" t="s">
        <v>75</v>
      </c>
      <c r="BM6" s="30" t="s">
        <v>57</v>
      </c>
      <c r="BN6" s="27" t="s">
        <v>76</v>
      </c>
      <c r="BO6" s="23" t="s">
        <v>57</v>
      </c>
      <c r="BP6" s="31" t="s">
        <v>76</v>
      </c>
      <c r="BQ6" s="24" t="s">
        <v>57</v>
      </c>
      <c r="BR6" s="18" t="s">
        <v>54</v>
      </c>
      <c r="BS6" s="32" t="s">
        <v>78</v>
      </c>
      <c r="BT6" s="33" t="s">
        <v>44</v>
      </c>
      <c r="BU6" s="33" t="s">
        <v>79</v>
      </c>
      <c r="BV6" s="19" t="s">
        <v>53</v>
      </c>
      <c r="BW6" s="34" t="s">
        <v>43</v>
      </c>
      <c r="BX6" s="34" t="s">
        <v>44</v>
      </c>
      <c r="BY6" s="34" t="s">
        <v>79</v>
      </c>
      <c r="BZ6" s="25" t="s">
        <v>53</v>
      </c>
      <c r="CA6" s="34" t="s">
        <v>78</v>
      </c>
      <c r="CB6" s="34" t="s">
        <v>80</v>
      </c>
      <c r="CC6" s="34" t="s">
        <v>79</v>
      </c>
      <c r="CD6" s="35" t="s">
        <v>53</v>
      </c>
    </row>
    <row r="7" spans="1:83" s="11" customFormat="1" ht="12" customHeight="1" thickTop="1" thickBot="1" x14ac:dyDescent="0.2">
      <c r="A7" s="36" t="s">
        <v>81</v>
      </c>
      <c r="B7" s="37"/>
      <c r="C7" s="37"/>
      <c r="D7" s="37"/>
      <c r="E7" s="37"/>
      <c r="F7" s="37"/>
      <c r="G7" s="37"/>
      <c r="H7" s="37"/>
      <c r="I7" s="37"/>
      <c r="J7" s="37"/>
      <c r="K7" s="37"/>
      <c r="L7" s="709"/>
      <c r="M7" s="709"/>
      <c r="N7" s="38"/>
      <c r="O7" s="37"/>
      <c r="P7" s="39"/>
      <c r="Q7" s="36" t="s">
        <v>81</v>
      </c>
      <c r="R7" s="37"/>
      <c r="S7" s="37"/>
      <c r="T7" s="37"/>
      <c r="U7" s="37"/>
      <c r="V7" s="37"/>
      <c r="W7" s="37"/>
      <c r="X7" s="37"/>
      <c r="Y7" s="37"/>
      <c r="Z7" s="37"/>
      <c r="AA7" s="37"/>
      <c r="AB7" s="37"/>
      <c r="AC7" s="37"/>
      <c r="AD7" s="37"/>
      <c r="AE7" s="37"/>
      <c r="AF7" s="37"/>
      <c r="AG7" s="37"/>
      <c r="AH7" s="39"/>
      <c r="AI7" s="36" t="s">
        <v>81</v>
      </c>
      <c r="AJ7" s="37"/>
      <c r="AK7" s="37"/>
      <c r="AL7" s="37"/>
      <c r="AM7" s="37"/>
      <c r="AN7" s="37"/>
      <c r="AO7" s="40"/>
      <c r="AP7" s="37"/>
      <c r="AQ7" s="37"/>
      <c r="AR7" s="37"/>
      <c r="AS7" s="37"/>
      <c r="AT7" s="37"/>
      <c r="AU7" s="37"/>
      <c r="AV7" s="37"/>
      <c r="AW7" s="41"/>
      <c r="AX7" s="40"/>
      <c r="AY7" s="40"/>
      <c r="AZ7" s="42"/>
      <c r="BA7" s="36" t="s">
        <v>81</v>
      </c>
      <c r="BB7" s="37"/>
      <c r="BC7" s="37"/>
      <c r="BD7" s="37"/>
      <c r="BE7" s="37"/>
      <c r="BF7" s="37"/>
      <c r="BG7" s="37"/>
      <c r="BH7" s="37"/>
      <c r="BI7" s="37"/>
      <c r="BJ7" s="37"/>
      <c r="BK7" s="37"/>
      <c r="BL7" s="37"/>
      <c r="BM7" s="37"/>
      <c r="BN7" s="37"/>
      <c r="BO7" s="37"/>
      <c r="BP7" s="37"/>
      <c r="BQ7" s="42"/>
      <c r="BR7" s="36" t="s">
        <v>81</v>
      </c>
      <c r="BS7" s="37"/>
      <c r="BT7" s="37"/>
      <c r="BU7" s="37"/>
      <c r="BV7" s="37"/>
      <c r="BW7" s="37"/>
      <c r="BX7" s="37"/>
      <c r="BY7" s="37"/>
      <c r="BZ7" s="37"/>
      <c r="CA7" s="37"/>
      <c r="CB7" s="37"/>
      <c r="CC7" s="37"/>
      <c r="CD7" s="39"/>
      <c r="CE7" s="43"/>
    </row>
    <row r="8" spans="1:83" s="43" customFormat="1" ht="14.4" customHeight="1" thickTop="1" x14ac:dyDescent="0.15">
      <c r="A8" s="71" t="s">
        <v>83</v>
      </c>
      <c r="B8" s="52">
        <v>462076</v>
      </c>
      <c r="C8" s="52">
        <v>6832712</v>
      </c>
      <c r="D8" s="52">
        <v>222173730</v>
      </c>
      <c r="E8" s="52">
        <v>20405749</v>
      </c>
      <c r="F8" s="52">
        <v>34271149</v>
      </c>
      <c r="G8" s="52">
        <v>251354839</v>
      </c>
      <c r="H8" s="52">
        <v>4324724</v>
      </c>
      <c r="I8" s="52">
        <v>9451742</v>
      </c>
      <c r="J8" s="52">
        <v>59599329</v>
      </c>
      <c r="K8" s="52">
        <v>25192549</v>
      </c>
      <c r="L8" s="52">
        <v>50555603</v>
      </c>
      <c r="M8" s="52">
        <v>533127899</v>
      </c>
      <c r="N8" s="52">
        <v>13424359</v>
      </c>
      <c r="O8" s="52">
        <v>17327896</v>
      </c>
      <c r="P8" s="53">
        <v>141207242</v>
      </c>
      <c r="Q8" s="71" t="s">
        <v>84</v>
      </c>
      <c r="R8" s="72">
        <v>432884</v>
      </c>
      <c r="S8" s="72">
        <v>17222110</v>
      </c>
      <c r="T8" s="73">
        <v>11519221</v>
      </c>
      <c r="U8" s="74">
        <v>21500</v>
      </c>
      <c r="V8" s="75">
        <v>131697</v>
      </c>
      <c r="W8" s="75">
        <v>1325102</v>
      </c>
      <c r="X8" s="75">
        <v>38638408</v>
      </c>
      <c r="Y8" s="52">
        <v>687179463</v>
      </c>
      <c r="Z8" s="76">
        <v>8868</v>
      </c>
      <c r="AA8" s="52">
        <v>23804</v>
      </c>
      <c r="AB8" s="52">
        <v>435288</v>
      </c>
      <c r="AC8" s="46">
        <v>17282</v>
      </c>
      <c r="AD8" s="46">
        <v>568087</v>
      </c>
      <c r="AE8" s="46">
        <v>911523</v>
      </c>
      <c r="AF8" s="46">
        <v>8323921</v>
      </c>
      <c r="AG8" s="46">
        <v>50993</v>
      </c>
      <c r="AH8" s="50">
        <v>1504701</v>
      </c>
      <c r="AI8" s="71" t="s">
        <v>83</v>
      </c>
      <c r="AJ8" s="46">
        <v>41742</v>
      </c>
      <c r="AK8" s="46">
        <v>604246</v>
      </c>
      <c r="AL8" s="52">
        <v>118</v>
      </c>
      <c r="AM8" s="52">
        <v>4014</v>
      </c>
      <c r="AN8" s="52">
        <v>1045462</v>
      </c>
      <c r="AO8" s="52">
        <v>11440258</v>
      </c>
      <c r="AP8" s="77">
        <v>40</v>
      </c>
      <c r="AQ8" s="78">
        <v>1098</v>
      </c>
      <c r="AR8" s="52">
        <v>39692778</v>
      </c>
      <c r="AS8" s="53">
        <v>698620819</v>
      </c>
      <c r="AT8" s="79">
        <v>506876705</v>
      </c>
      <c r="AU8" s="52">
        <v>160391467</v>
      </c>
      <c r="AV8" s="46">
        <v>31352647</v>
      </c>
      <c r="AW8" s="80">
        <v>804680</v>
      </c>
      <c r="AX8" s="53">
        <v>51239997</v>
      </c>
      <c r="AY8" s="89">
        <v>356</v>
      </c>
      <c r="AZ8" s="90">
        <v>10635</v>
      </c>
      <c r="BA8" s="44" t="s">
        <v>83</v>
      </c>
      <c r="BB8" s="91">
        <v>14005</v>
      </c>
      <c r="BC8" s="47">
        <v>5543261</v>
      </c>
      <c r="BD8" s="92" t="s">
        <v>82</v>
      </c>
      <c r="BE8" s="92" t="s">
        <v>82</v>
      </c>
      <c r="BF8" s="47">
        <v>13092</v>
      </c>
      <c r="BG8" s="47">
        <v>673340</v>
      </c>
      <c r="BH8" s="93">
        <v>4729</v>
      </c>
      <c r="BI8" s="93">
        <v>420437</v>
      </c>
      <c r="BJ8" s="93">
        <v>38</v>
      </c>
      <c r="BK8" s="93">
        <v>6729</v>
      </c>
      <c r="BL8" s="94">
        <v>148966</v>
      </c>
      <c r="BM8" s="94">
        <v>1387099</v>
      </c>
      <c r="BN8" s="91">
        <v>180830</v>
      </c>
      <c r="BO8" s="47">
        <v>8030865</v>
      </c>
      <c r="BP8" s="95">
        <v>39873608</v>
      </c>
      <c r="BQ8" s="48">
        <v>706651684</v>
      </c>
      <c r="BR8" s="44" t="s">
        <v>85</v>
      </c>
      <c r="BS8" s="96">
        <v>17.501000000000001</v>
      </c>
      <c r="BT8" s="97">
        <v>772.85900000000004</v>
      </c>
      <c r="BU8" s="97">
        <v>163.797</v>
      </c>
      <c r="BV8" s="97">
        <v>954.15700000000004</v>
      </c>
      <c r="BW8" s="98">
        <v>14.787000000000001</v>
      </c>
      <c r="BX8" s="99">
        <v>1.679</v>
      </c>
      <c r="BY8" s="99">
        <v>2.1859999999999999</v>
      </c>
      <c r="BZ8" s="99">
        <v>2.0070000000000001</v>
      </c>
      <c r="CA8" s="100">
        <v>34202</v>
      </c>
      <c r="CB8" s="47">
        <v>11455</v>
      </c>
      <c r="CC8" s="47">
        <v>6306</v>
      </c>
      <c r="CD8" s="48">
        <v>13974</v>
      </c>
      <c r="CE8" s="101"/>
    </row>
    <row r="9" spans="1:83" s="43" customFormat="1" ht="14.4" customHeight="1" x14ac:dyDescent="0.15">
      <c r="A9" s="71" t="s">
        <v>86</v>
      </c>
      <c r="B9" s="52">
        <v>466268</v>
      </c>
      <c r="C9" s="52">
        <v>6826437</v>
      </c>
      <c r="D9" s="52">
        <v>235566605</v>
      </c>
      <c r="E9" s="52">
        <v>20177739</v>
      </c>
      <c r="F9" s="52">
        <v>34226535</v>
      </c>
      <c r="G9" s="52">
        <v>257261653</v>
      </c>
      <c r="H9" s="52">
        <v>4403353</v>
      </c>
      <c r="I9" s="52">
        <v>9480418</v>
      </c>
      <c r="J9" s="52">
        <v>59979021</v>
      </c>
      <c r="K9" s="52">
        <v>25047360</v>
      </c>
      <c r="L9" s="52">
        <v>50533390</v>
      </c>
      <c r="M9" s="52">
        <v>552807279</v>
      </c>
      <c r="N9" s="52">
        <v>13865198</v>
      </c>
      <c r="O9" s="52">
        <v>17817918</v>
      </c>
      <c r="P9" s="53">
        <v>144847466</v>
      </c>
      <c r="Q9" s="71" t="s">
        <v>87</v>
      </c>
      <c r="R9" s="72">
        <v>437312</v>
      </c>
      <c r="S9" s="72">
        <v>17164621</v>
      </c>
      <c r="T9" s="73">
        <v>11492641</v>
      </c>
      <c r="U9" s="74">
        <v>23557</v>
      </c>
      <c r="V9" s="75">
        <v>144414</v>
      </c>
      <c r="W9" s="75">
        <v>1470403</v>
      </c>
      <c r="X9" s="75">
        <v>38936115</v>
      </c>
      <c r="Y9" s="52">
        <v>710617788</v>
      </c>
      <c r="Z9" s="76">
        <v>8912</v>
      </c>
      <c r="AA9" s="52">
        <v>26763</v>
      </c>
      <c r="AB9" s="52">
        <v>397617</v>
      </c>
      <c r="AC9" s="46">
        <v>17492</v>
      </c>
      <c r="AD9" s="46">
        <v>599358</v>
      </c>
      <c r="AE9" s="46">
        <v>955618</v>
      </c>
      <c r="AF9" s="46">
        <v>8565488</v>
      </c>
      <c r="AG9" s="46">
        <v>56612</v>
      </c>
      <c r="AH9" s="50">
        <v>1601943</v>
      </c>
      <c r="AI9" s="71" t="s">
        <v>88</v>
      </c>
      <c r="AJ9" s="46">
        <v>42100</v>
      </c>
      <c r="AK9" s="46">
        <v>582220</v>
      </c>
      <c r="AL9" s="52">
        <v>68</v>
      </c>
      <c r="AM9" s="52">
        <v>1488</v>
      </c>
      <c r="AN9" s="52">
        <v>1098653</v>
      </c>
      <c r="AO9" s="52">
        <v>11748115</v>
      </c>
      <c r="AP9" s="77">
        <v>38</v>
      </c>
      <c r="AQ9" s="78">
        <v>1075</v>
      </c>
      <c r="AR9" s="52">
        <v>40043718</v>
      </c>
      <c r="AS9" s="53">
        <v>722366978</v>
      </c>
      <c r="AT9" s="79">
        <v>524573442</v>
      </c>
      <c r="AU9" s="52">
        <v>165304995</v>
      </c>
      <c r="AV9" s="46">
        <v>32488542</v>
      </c>
      <c r="AW9" s="80">
        <v>843283</v>
      </c>
      <c r="AX9" s="53">
        <v>55720146</v>
      </c>
      <c r="AY9" s="51">
        <v>1178</v>
      </c>
      <c r="AZ9" s="50">
        <v>29869</v>
      </c>
      <c r="BA9" s="71" t="s">
        <v>88</v>
      </c>
      <c r="BB9" s="79">
        <v>14248</v>
      </c>
      <c r="BC9" s="52">
        <v>5958984</v>
      </c>
      <c r="BD9" s="81" t="s">
        <v>82</v>
      </c>
      <c r="BE9" s="81" t="s">
        <v>82</v>
      </c>
      <c r="BF9" s="52">
        <v>13182</v>
      </c>
      <c r="BG9" s="52">
        <v>681620</v>
      </c>
      <c r="BH9" s="45">
        <v>4989</v>
      </c>
      <c r="BI9" s="45">
        <v>385591</v>
      </c>
      <c r="BJ9" s="45">
        <v>21</v>
      </c>
      <c r="BK9" s="45">
        <v>3911</v>
      </c>
      <c r="BL9" s="72">
        <v>132473</v>
      </c>
      <c r="BM9" s="72">
        <v>1244179</v>
      </c>
      <c r="BN9" s="79">
        <v>164913</v>
      </c>
      <c r="BO9" s="52">
        <v>8274285</v>
      </c>
      <c r="BP9" s="76">
        <v>40208631</v>
      </c>
      <c r="BQ9" s="53">
        <v>730641263</v>
      </c>
      <c r="BR9" s="71" t="s">
        <v>89</v>
      </c>
      <c r="BS9" s="82">
        <v>17.684999999999999</v>
      </c>
      <c r="BT9" s="83">
        <v>765.33500000000004</v>
      </c>
      <c r="BU9" s="83">
        <v>167.018</v>
      </c>
      <c r="BV9" s="83">
        <v>950.03800000000001</v>
      </c>
      <c r="BW9" s="54">
        <v>14.641</v>
      </c>
      <c r="BX9" s="55">
        <v>1.696</v>
      </c>
      <c r="BY9" s="55">
        <v>2.153</v>
      </c>
      <c r="BZ9" s="55">
        <v>2.0179999999999998</v>
      </c>
      <c r="CA9" s="84">
        <v>36192</v>
      </c>
      <c r="CB9" s="52">
        <v>11748</v>
      </c>
      <c r="CC9" s="52">
        <v>6327</v>
      </c>
      <c r="CD9" s="53">
        <v>14295</v>
      </c>
    </row>
    <row r="10" spans="1:83" s="43" customFormat="1" ht="14.4" customHeight="1" x14ac:dyDescent="0.15">
      <c r="A10" s="85" t="s">
        <v>90</v>
      </c>
      <c r="B10" s="56">
        <v>464011</v>
      </c>
      <c r="C10" s="56">
        <v>6742609</v>
      </c>
      <c r="D10" s="56">
        <v>242304583</v>
      </c>
      <c r="E10" s="56">
        <v>20210881</v>
      </c>
      <c r="F10" s="56">
        <v>33706204</v>
      </c>
      <c r="G10" s="56">
        <v>261284929</v>
      </c>
      <c r="H10" s="56">
        <v>4495173</v>
      </c>
      <c r="I10" s="56">
        <v>9452505</v>
      </c>
      <c r="J10" s="56">
        <v>60536869</v>
      </c>
      <c r="K10" s="56">
        <v>25170065</v>
      </c>
      <c r="L10" s="56">
        <v>49901318</v>
      </c>
      <c r="M10" s="56">
        <v>564126380</v>
      </c>
      <c r="N10" s="56">
        <v>14130849</v>
      </c>
      <c r="O10" s="56">
        <v>17929926</v>
      </c>
      <c r="P10" s="57">
        <v>154918648</v>
      </c>
      <c r="Q10" s="85" t="s">
        <v>90</v>
      </c>
      <c r="R10" s="58">
        <v>435765</v>
      </c>
      <c r="S10" s="58">
        <v>17019923</v>
      </c>
      <c r="T10" s="59">
        <v>11435851</v>
      </c>
      <c r="U10" s="60">
        <v>26797</v>
      </c>
      <c r="V10" s="61">
        <v>163431</v>
      </c>
      <c r="W10" s="61">
        <v>1672344</v>
      </c>
      <c r="X10" s="61">
        <v>39327711</v>
      </c>
      <c r="Y10" s="56">
        <v>732153223</v>
      </c>
      <c r="Z10" s="62">
        <v>8183</v>
      </c>
      <c r="AA10" s="56">
        <v>31443</v>
      </c>
      <c r="AB10" s="56">
        <v>478857</v>
      </c>
      <c r="AC10" s="102">
        <v>18793</v>
      </c>
      <c r="AD10" s="102">
        <v>607114</v>
      </c>
      <c r="AE10" s="102">
        <v>1006994</v>
      </c>
      <c r="AF10" s="102">
        <v>8744537</v>
      </c>
      <c r="AG10" s="102">
        <v>58210</v>
      </c>
      <c r="AH10" s="103">
        <v>1699721</v>
      </c>
      <c r="AI10" s="85" t="s">
        <v>91</v>
      </c>
      <c r="AJ10" s="102">
        <v>40578</v>
      </c>
      <c r="AK10" s="102">
        <v>572006</v>
      </c>
      <c r="AL10" s="56">
        <v>83</v>
      </c>
      <c r="AM10" s="56">
        <v>1049</v>
      </c>
      <c r="AN10" s="56">
        <v>1156101</v>
      </c>
      <c r="AO10" s="56">
        <v>12103283</v>
      </c>
      <c r="AP10" s="63">
        <v>58</v>
      </c>
      <c r="AQ10" s="64">
        <v>6682</v>
      </c>
      <c r="AR10" s="65">
        <v>40492053</v>
      </c>
      <c r="AS10" s="57">
        <v>744263189</v>
      </c>
      <c r="AT10" s="65">
        <v>541064451</v>
      </c>
      <c r="AU10" s="56">
        <v>169439705</v>
      </c>
      <c r="AV10" s="102">
        <v>33759032</v>
      </c>
      <c r="AW10" s="66">
        <v>912272</v>
      </c>
      <c r="AX10" s="56">
        <v>58720724</v>
      </c>
      <c r="AY10" s="104">
        <v>744</v>
      </c>
      <c r="AZ10" s="103">
        <v>15909</v>
      </c>
      <c r="BA10" s="85" t="s">
        <v>90</v>
      </c>
      <c r="BB10" s="65">
        <v>13703</v>
      </c>
      <c r="BC10" s="56">
        <v>5592111</v>
      </c>
      <c r="BD10" s="67" t="s">
        <v>82</v>
      </c>
      <c r="BE10" s="67" t="s">
        <v>82</v>
      </c>
      <c r="BF10" s="56">
        <v>13629</v>
      </c>
      <c r="BG10" s="56">
        <v>702820</v>
      </c>
      <c r="BH10" s="105">
        <v>4259</v>
      </c>
      <c r="BI10" s="105">
        <v>367049</v>
      </c>
      <c r="BJ10" s="105">
        <v>21</v>
      </c>
      <c r="BK10" s="105">
        <v>3541</v>
      </c>
      <c r="BL10" s="58">
        <v>126541</v>
      </c>
      <c r="BM10" s="58">
        <v>1138522</v>
      </c>
      <c r="BN10" s="65">
        <v>158153</v>
      </c>
      <c r="BO10" s="56">
        <v>7804043</v>
      </c>
      <c r="BP10" s="62">
        <v>40650206</v>
      </c>
      <c r="BQ10" s="57">
        <v>752067231</v>
      </c>
      <c r="BR10" s="85" t="s">
        <v>90</v>
      </c>
      <c r="BS10" s="68">
        <v>17.661999999999999</v>
      </c>
      <c r="BT10" s="69">
        <v>769.32</v>
      </c>
      <c r="BU10" s="69">
        <v>171.107</v>
      </c>
      <c r="BV10" s="69">
        <v>958.08900000000006</v>
      </c>
      <c r="BW10" s="86">
        <v>14.531000000000001</v>
      </c>
      <c r="BX10" s="87">
        <v>1.6679999999999999</v>
      </c>
      <c r="BY10" s="87">
        <v>2.1030000000000002</v>
      </c>
      <c r="BZ10" s="87">
        <v>1.9830000000000001</v>
      </c>
      <c r="CA10" s="70">
        <v>37632</v>
      </c>
      <c r="CB10" s="56">
        <v>12348</v>
      </c>
      <c r="CC10" s="56">
        <v>6404</v>
      </c>
      <c r="CD10" s="57">
        <v>15065</v>
      </c>
    </row>
    <row r="11" spans="1:83" s="43" customFormat="1" ht="14.4" customHeight="1" x14ac:dyDescent="0.15">
      <c r="A11" s="71" t="s">
        <v>92</v>
      </c>
      <c r="B11" s="52">
        <v>464677</v>
      </c>
      <c r="C11" s="52">
        <v>6647796</v>
      </c>
      <c r="D11" s="52">
        <v>248466814</v>
      </c>
      <c r="E11" s="52">
        <v>20388717</v>
      </c>
      <c r="F11" s="52">
        <v>33417020</v>
      </c>
      <c r="G11" s="52">
        <v>265148437</v>
      </c>
      <c r="H11" s="52">
        <v>4570796</v>
      </c>
      <c r="I11" s="52">
        <v>9375632</v>
      </c>
      <c r="J11" s="52">
        <v>61005233</v>
      </c>
      <c r="K11" s="52">
        <v>25424190</v>
      </c>
      <c r="L11" s="52">
        <v>49440448</v>
      </c>
      <c r="M11" s="52">
        <v>574620483</v>
      </c>
      <c r="N11" s="52">
        <v>14302558</v>
      </c>
      <c r="O11" s="52">
        <v>17972874</v>
      </c>
      <c r="P11" s="53">
        <v>154124308</v>
      </c>
      <c r="Q11" s="71" t="s">
        <v>92</v>
      </c>
      <c r="R11" s="72">
        <v>436833</v>
      </c>
      <c r="S11" s="72">
        <v>16880397</v>
      </c>
      <c r="T11" s="73">
        <v>11301575</v>
      </c>
      <c r="U11" s="74">
        <v>30137</v>
      </c>
      <c r="V11" s="75">
        <v>182406</v>
      </c>
      <c r="W11" s="75">
        <v>1916928</v>
      </c>
      <c r="X11" s="75">
        <v>39756885</v>
      </c>
      <c r="Y11" s="52">
        <v>741963294</v>
      </c>
      <c r="Z11" s="76">
        <v>8028</v>
      </c>
      <c r="AA11" s="52">
        <v>31158</v>
      </c>
      <c r="AB11" s="52">
        <v>511626</v>
      </c>
      <c r="AC11" s="46">
        <v>18082</v>
      </c>
      <c r="AD11" s="46">
        <v>633999</v>
      </c>
      <c r="AE11" s="46">
        <v>1034007</v>
      </c>
      <c r="AF11" s="46">
        <v>8753326</v>
      </c>
      <c r="AG11" s="46">
        <v>60064</v>
      </c>
      <c r="AH11" s="50">
        <v>1776923</v>
      </c>
      <c r="AI11" s="71" t="s">
        <v>92</v>
      </c>
      <c r="AJ11" s="46">
        <v>44401</v>
      </c>
      <c r="AK11" s="46">
        <v>623995</v>
      </c>
      <c r="AL11" s="52">
        <v>121</v>
      </c>
      <c r="AM11" s="52">
        <v>1389</v>
      </c>
      <c r="AN11" s="52">
        <v>1187833</v>
      </c>
      <c r="AO11" s="52">
        <v>12301258</v>
      </c>
      <c r="AP11" s="77">
        <v>39</v>
      </c>
      <c r="AQ11" s="78">
        <v>7080</v>
      </c>
      <c r="AR11" s="79">
        <v>40952785</v>
      </c>
      <c r="AS11" s="53">
        <v>754271632</v>
      </c>
      <c r="AT11" s="79">
        <v>548924759</v>
      </c>
      <c r="AU11" s="52">
        <v>170783057</v>
      </c>
      <c r="AV11" s="46">
        <v>34563816</v>
      </c>
      <c r="AW11" s="80">
        <v>1053126</v>
      </c>
      <c r="AX11" s="52">
        <v>62642609</v>
      </c>
      <c r="AY11" s="49">
        <v>1578</v>
      </c>
      <c r="AZ11" s="50">
        <v>31254</v>
      </c>
      <c r="BA11" s="71" t="s">
        <v>92</v>
      </c>
      <c r="BB11" s="79">
        <v>13327</v>
      </c>
      <c r="BC11" s="52">
        <v>5507737</v>
      </c>
      <c r="BD11" s="81" t="s">
        <v>82</v>
      </c>
      <c r="BE11" s="81" t="s">
        <v>82</v>
      </c>
      <c r="BF11" s="52">
        <v>13119</v>
      </c>
      <c r="BG11" s="52">
        <v>674000</v>
      </c>
      <c r="BH11" s="45">
        <v>4427</v>
      </c>
      <c r="BI11" s="45">
        <v>371852</v>
      </c>
      <c r="BJ11" s="45">
        <v>19</v>
      </c>
      <c r="BK11" s="45">
        <v>3122</v>
      </c>
      <c r="BL11" s="72">
        <v>121110</v>
      </c>
      <c r="BM11" s="72">
        <v>1111978</v>
      </c>
      <c r="BN11" s="79">
        <v>152002</v>
      </c>
      <c r="BO11" s="52">
        <v>7668689</v>
      </c>
      <c r="BP11" s="76">
        <v>41104787</v>
      </c>
      <c r="BQ11" s="53">
        <v>761940321</v>
      </c>
      <c r="BR11" s="71" t="s">
        <v>93</v>
      </c>
      <c r="BS11" s="82">
        <v>17.891999999999999</v>
      </c>
      <c r="BT11" s="83">
        <v>785.06100000000004</v>
      </c>
      <c r="BU11" s="83">
        <v>175.99700000000001</v>
      </c>
      <c r="BV11" s="83">
        <v>978.95100000000002</v>
      </c>
      <c r="BW11" s="54">
        <v>14.31</v>
      </c>
      <c r="BX11" s="55">
        <v>1.64</v>
      </c>
      <c r="BY11" s="55">
        <v>2.0499999999999998</v>
      </c>
      <c r="BZ11" s="55">
        <v>1.95</v>
      </c>
      <c r="CA11" s="106">
        <v>39076</v>
      </c>
      <c r="CB11" s="106">
        <v>12547</v>
      </c>
      <c r="CC11" s="106">
        <v>6507</v>
      </c>
      <c r="CD11" s="107">
        <v>15397</v>
      </c>
    </row>
    <row r="12" spans="1:83" s="43" customFormat="1" ht="14.4" customHeight="1" x14ac:dyDescent="0.15">
      <c r="A12" s="71" t="s">
        <v>94</v>
      </c>
      <c r="B12" s="52">
        <v>462104</v>
      </c>
      <c r="C12" s="52">
        <v>6606662</v>
      </c>
      <c r="D12" s="52">
        <v>251127615</v>
      </c>
      <c r="E12" s="52">
        <v>20195602</v>
      </c>
      <c r="F12" s="52">
        <v>32666687</v>
      </c>
      <c r="G12" s="52">
        <v>266852856</v>
      </c>
      <c r="H12" s="52">
        <v>4638348</v>
      </c>
      <c r="I12" s="52">
        <v>9320829</v>
      </c>
      <c r="J12" s="52">
        <v>60830782</v>
      </c>
      <c r="K12" s="52">
        <v>25294054</v>
      </c>
      <c r="L12" s="52">
        <v>48594178</v>
      </c>
      <c r="M12" s="52">
        <v>578811253</v>
      </c>
      <c r="N12" s="52">
        <v>14238257</v>
      </c>
      <c r="O12" s="52">
        <v>17683992</v>
      </c>
      <c r="P12" s="53">
        <v>159291110</v>
      </c>
      <c r="Q12" s="71" t="s">
        <v>94</v>
      </c>
      <c r="R12" s="72">
        <v>434483</v>
      </c>
      <c r="S12" s="72">
        <v>16764980</v>
      </c>
      <c r="T12" s="73">
        <v>11246810</v>
      </c>
      <c r="U12" s="74">
        <v>33711</v>
      </c>
      <c r="V12" s="75">
        <v>206229</v>
      </c>
      <c r="W12" s="75">
        <v>2182830</v>
      </c>
      <c r="X12" s="75">
        <v>39566022</v>
      </c>
      <c r="Y12" s="52">
        <v>751532003</v>
      </c>
      <c r="Z12" s="76">
        <v>7810</v>
      </c>
      <c r="AA12" s="52">
        <v>33625</v>
      </c>
      <c r="AB12" s="52">
        <v>515821</v>
      </c>
      <c r="AC12" s="46">
        <v>18112</v>
      </c>
      <c r="AD12" s="46">
        <v>640637</v>
      </c>
      <c r="AE12" s="46">
        <v>1036615</v>
      </c>
      <c r="AF12" s="46">
        <v>8496661</v>
      </c>
      <c r="AG12" s="46">
        <v>61861</v>
      </c>
      <c r="AH12" s="50">
        <v>1848196</v>
      </c>
      <c r="AI12" s="71" t="s">
        <v>94</v>
      </c>
      <c r="AJ12" s="46">
        <v>43676</v>
      </c>
      <c r="AK12" s="46">
        <v>625797</v>
      </c>
      <c r="AL12" s="52">
        <v>75</v>
      </c>
      <c r="AM12" s="52">
        <v>4017</v>
      </c>
      <c r="AN12" s="52">
        <v>1193964</v>
      </c>
      <c r="AO12" s="52">
        <v>12131128</v>
      </c>
      <c r="AP12" s="77">
        <v>43</v>
      </c>
      <c r="AQ12" s="78">
        <v>4900</v>
      </c>
      <c r="AR12" s="79">
        <v>40767839</v>
      </c>
      <c r="AS12" s="53">
        <v>763668031</v>
      </c>
      <c r="AT12" s="79">
        <v>556556465</v>
      </c>
      <c r="AU12" s="52">
        <v>172505410</v>
      </c>
      <c r="AV12" s="46">
        <v>34606156</v>
      </c>
      <c r="AW12" s="80">
        <v>1080987</v>
      </c>
      <c r="AX12" s="52">
        <v>63953299</v>
      </c>
      <c r="AY12" s="49">
        <v>1509</v>
      </c>
      <c r="AZ12" s="50">
        <v>35428</v>
      </c>
      <c r="BA12" s="71" t="s">
        <v>94</v>
      </c>
      <c r="BB12" s="79">
        <v>12859</v>
      </c>
      <c r="BC12" s="52">
        <v>5196472</v>
      </c>
      <c r="BD12" s="81"/>
      <c r="BE12" s="81"/>
      <c r="BF12" s="52">
        <v>13105</v>
      </c>
      <c r="BG12" s="52">
        <v>673430</v>
      </c>
      <c r="BH12" s="45">
        <v>4160</v>
      </c>
      <c r="BI12" s="45">
        <v>340057</v>
      </c>
      <c r="BJ12" s="45">
        <v>21</v>
      </c>
      <c r="BK12" s="45">
        <v>3539</v>
      </c>
      <c r="BL12" s="72">
        <v>118489</v>
      </c>
      <c r="BM12" s="72">
        <v>1070764</v>
      </c>
      <c r="BN12" s="79">
        <v>148634</v>
      </c>
      <c r="BO12" s="52">
        <v>7284262</v>
      </c>
      <c r="BP12" s="76">
        <v>40916473</v>
      </c>
      <c r="BQ12" s="53">
        <v>770952293</v>
      </c>
      <c r="BR12" s="71" t="s">
        <v>94</v>
      </c>
      <c r="BS12" s="82">
        <v>18.097000000000001</v>
      </c>
      <c r="BT12" s="83">
        <v>790.91600000000005</v>
      </c>
      <c r="BU12" s="83">
        <v>181.572</v>
      </c>
      <c r="BV12" s="83">
        <v>990.58600000000001</v>
      </c>
      <c r="BW12" s="54">
        <v>14.3</v>
      </c>
      <c r="BX12" s="54">
        <v>1.62</v>
      </c>
      <c r="BY12" s="54">
        <v>2.0099999999999998</v>
      </c>
      <c r="BZ12" s="54">
        <v>1.92</v>
      </c>
      <c r="CA12" s="106">
        <v>39714</v>
      </c>
      <c r="CB12" s="106">
        <v>13045</v>
      </c>
      <c r="CC12" s="106">
        <v>6526</v>
      </c>
      <c r="CD12" s="107">
        <v>15784</v>
      </c>
    </row>
    <row r="13" spans="1:83" s="43" customFormat="1" ht="14.4" customHeight="1" x14ac:dyDescent="0.15">
      <c r="A13" s="71" t="s">
        <v>95</v>
      </c>
      <c r="B13" s="52">
        <v>458456</v>
      </c>
      <c r="C13" s="52">
        <v>6508004</v>
      </c>
      <c r="D13" s="52">
        <v>251741580</v>
      </c>
      <c r="E13" s="52">
        <v>19953287</v>
      </c>
      <c r="F13" s="52">
        <v>31984631</v>
      </c>
      <c r="G13" s="52">
        <v>268931298</v>
      </c>
      <c r="H13" s="52">
        <v>4667941</v>
      </c>
      <c r="I13" s="52">
        <v>9173438</v>
      </c>
      <c r="J13" s="52">
        <v>61202520</v>
      </c>
      <c r="K13" s="52">
        <v>25079684</v>
      </c>
      <c r="L13" s="52">
        <v>47666073</v>
      </c>
      <c r="M13" s="52">
        <v>581875398</v>
      </c>
      <c r="N13" s="52">
        <v>14180671</v>
      </c>
      <c r="O13" s="52">
        <v>17447485</v>
      </c>
      <c r="P13" s="53">
        <v>159169633</v>
      </c>
      <c r="Q13" s="71" t="s">
        <v>95</v>
      </c>
      <c r="R13" s="72">
        <v>432736</v>
      </c>
      <c r="S13" s="72">
        <v>16653763</v>
      </c>
      <c r="T13" s="73">
        <v>11101131</v>
      </c>
      <c r="U13" s="74">
        <v>38065</v>
      </c>
      <c r="V13" s="75">
        <v>231861</v>
      </c>
      <c r="W13" s="75">
        <v>2495889</v>
      </c>
      <c r="X13" s="75">
        <v>39298420</v>
      </c>
      <c r="Y13" s="52">
        <v>754642052</v>
      </c>
      <c r="Z13" s="76">
        <v>8496</v>
      </c>
      <c r="AA13" s="52">
        <v>35696</v>
      </c>
      <c r="AB13" s="52">
        <v>583052</v>
      </c>
      <c r="AC13" s="46">
        <v>18212</v>
      </c>
      <c r="AD13" s="46">
        <v>649673</v>
      </c>
      <c r="AE13" s="46">
        <v>1015032</v>
      </c>
      <c r="AF13" s="46">
        <v>8190087</v>
      </c>
      <c r="AG13" s="46">
        <v>62166</v>
      </c>
      <c r="AH13" s="50">
        <v>1839907</v>
      </c>
      <c r="AI13" s="71" t="s">
        <v>95</v>
      </c>
      <c r="AJ13" s="46">
        <v>44344</v>
      </c>
      <c r="AK13" s="46">
        <v>621140</v>
      </c>
      <c r="AL13" s="52">
        <v>88</v>
      </c>
      <c r="AM13" s="52">
        <v>1257</v>
      </c>
      <c r="AN13" s="52">
        <v>1175538</v>
      </c>
      <c r="AO13" s="52">
        <v>11885117</v>
      </c>
      <c r="AP13" s="77">
        <v>57</v>
      </c>
      <c r="AQ13" s="78">
        <v>5817</v>
      </c>
      <c r="AR13" s="79">
        <v>40482511</v>
      </c>
      <c r="AS13" s="53">
        <v>766532986</v>
      </c>
      <c r="AT13" s="79">
        <v>559880323</v>
      </c>
      <c r="AU13" s="52">
        <v>172416568</v>
      </c>
      <c r="AV13" s="46">
        <v>34236094</v>
      </c>
      <c r="AW13" s="80">
        <v>1154771</v>
      </c>
      <c r="AX13" s="52">
        <v>65478994</v>
      </c>
      <c r="AY13" s="49">
        <v>1761</v>
      </c>
      <c r="AZ13" s="50">
        <v>38341</v>
      </c>
      <c r="BA13" s="71" t="s">
        <v>95</v>
      </c>
      <c r="BB13" s="79">
        <v>12223</v>
      </c>
      <c r="BC13" s="52">
        <v>4930063</v>
      </c>
      <c r="BD13" s="81" t="s">
        <v>82</v>
      </c>
      <c r="BE13" s="81" t="s">
        <v>82</v>
      </c>
      <c r="BF13" s="52">
        <v>13149</v>
      </c>
      <c r="BG13" s="52">
        <v>672490</v>
      </c>
      <c r="BH13" s="45">
        <v>4051</v>
      </c>
      <c r="BI13" s="45">
        <v>338086</v>
      </c>
      <c r="BJ13" s="45">
        <v>19</v>
      </c>
      <c r="BK13" s="45">
        <v>3375</v>
      </c>
      <c r="BL13" s="72">
        <v>39696</v>
      </c>
      <c r="BM13" s="72">
        <v>608203</v>
      </c>
      <c r="BN13" s="79">
        <v>69138</v>
      </c>
      <c r="BO13" s="52">
        <v>6552217</v>
      </c>
      <c r="BP13" s="76">
        <v>40551649</v>
      </c>
      <c r="BQ13" s="53">
        <v>773085203</v>
      </c>
      <c r="BR13" s="71" t="s">
        <v>95</v>
      </c>
      <c r="BS13" s="82">
        <v>18.440999999999999</v>
      </c>
      <c r="BT13" s="83">
        <v>802.58399999999995</v>
      </c>
      <c r="BU13" s="83">
        <v>187.75899999999999</v>
      </c>
      <c r="BV13" s="83">
        <v>1008.783</v>
      </c>
      <c r="BW13" s="54">
        <v>14.305999999999999</v>
      </c>
      <c r="BX13" s="54">
        <v>1.603</v>
      </c>
      <c r="BY13" s="54">
        <v>1.9650000000000001</v>
      </c>
      <c r="BZ13" s="54">
        <v>1.901</v>
      </c>
      <c r="CA13" s="106">
        <v>40388</v>
      </c>
      <c r="CB13" s="106">
        <v>13385</v>
      </c>
      <c r="CC13" s="106">
        <v>6672</v>
      </c>
      <c r="CD13" s="107">
        <v>15755</v>
      </c>
    </row>
    <row r="14" spans="1:83" s="43" customFormat="1" ht="14.4" customHeight="1" x14ac:dyDescent="0.15">
      <c r="A14" s="71" t="s">
        <v>96</v>
      </c>
      <c r="B14" s="52">
        <v>453793</v>
      </c>
      <c r="C14" s="52">
        <v>6429721</v>
      </c>
      <c r="D14" s="52">
        <v>253468725</v>
      </c>
      <c r="E14" s="52">
        <v>19627000</v>
      </c>
      <c r="F14" s="52">
        <v>31181606</v>
      </c>
      <c r="G14" s="52">
        <v>270508268</v>
      </c>
      <c r="H14" s="52">
        <v>4609063</v>
      </c>
      <c r="I14" s="52">
        <v>8881754</v>
      </c>
      <c r="J14" s="52">
        <v>60391530</v>
      </c>
      <c r="K14" s="52">
        <v>24689856</v>
      </c>
      <c r="L14" s="52">
        <v>46493081</v>
      </c>
      <c r="M14" s="52">
        <v>584368522</v>
      </c>
      <c r="N14" s="52">
        <v>14016333</v>
      </c>
      <c r="O14" s="52">
        <v>17113569</v>
      </c>
      <c r="P14" s="53">
        <v>169610673</v>
      </c>
      <c r="Q14" s="71" t="s">
        <v>97</v>
      </c>
      <c r="R14" s="72">
        <v>428649</v>
      </c>
      <c r="S14" s="72">
        <v>16310058</v>
      </c>
      <c r="T14" s="73">
        <v>10962582</v>
      </c>
      <c r="U14" s="74">
        <v>44913</v>
      </c>
      <c r="V14" s="75">
        <v>282872</v>
      </c>
      <c r="W14" s="75">
        <v>3049873</v>
      </c>
      <c r="X14" s="75">
        <v>38751102</v>
      </c>
      <c r="Y14" s="52">
        <v>767991650</v>
      </c>
      <c r="Z14" s="76">
        <v>7659</v>
      </c>
      <c r="AA14" s="52">
        <v>34512</v>
      </c>
      <c r="AB14" s="52">
        <v>594075</v>
      </c>
      <c r="AC14" s="46">
        <v>17885</v>
      </c>
      <c r="AD14" s="46">
        <v>650460</v>
      </c>
      <c r="AE14" s="46">
        <v>972178</v>
      </c>
      <c r="AF14" s="46">
        <v>7654844</v>
      </c>
      <c r="AG14" s="46">
        <v>64941</v>
      </c>
      <c r="AH14" s="50">
        <v>1969349</v>
      </c>
      <c r="AI14" s="71" t="s">
        <v>97</v>
      </c>
      <c r="AJ14" s="46">
        <v>45151</v>
      </c>
      <c r="AK14" s="46">
        <v>634275</v>
      </c>
      <c r="AL14" s="52">
        <v>96</v>
      </c>
      <c r="AM14" s="52">
        <v>1484</v>
      </c>
      <c r="AN14" s="52">
        <v>1134763</v>
      </c>
      <c r="AO14" s="52">
        <v>11504487</v>
      </c>
      <c r="AP14" s="77">
        <v>60</v>
      </c>
      <c r="AQ14" s="78">
        <v>5445</v>
      </c>
      <c r="AR14" s="79">
        <v>39893584</v>
      </c>
      <c r="AS14" s="53">
        <v>779501583</v>
      </c>
      <c r="AT14" s="79">
        <v>569381513</v>
      </c>
      <c r="AU14" s="52">
        <v>177932180</v>
      </c>
      <c r="AV14" s="46">
        <v>32187889</v>
      </c>
      <c r="AW14" s="80">
        <v>1282260</v>
      </c>
      <c r="AX14" s="52">
        <v>70420114</v>
      </c>
      <c r="AY14" s="49">
        <v>2038</v>
      </c>
      <c r="AZ14" s="50">
        <v>43330</v>
      </c>
      <c r="BA14" s="71" t="s">
        <v>97</v>
      </c>
      <c r="BB14" s="79">
        <v>11512</v>
      </c>
      <c r="BC14" s="52">
        <v>4622579</v>
      </c>
      <c r="BD14" s="81" t="s">
        <v>82</v>
      </c>
      <c r="BE14" s="81" t="s">
        <v>82</v>
      </c>
      <c r="BF14" s="52">
        <v>12757</v>
      </c>
      <c r="BG14" s="52">
        <v>652225</v>
      </c>
      <c r="BH14" s="45">
        <v>4117</v>
      </c>
      <c r="BI14" s="45">
        <v>322889</v>
      </c>
      <c r="BJ14" s="45">
        <v>25</v>
      </c>
      <c r="BK14" s="45">
        <v>3815</v>
      </c>
      <c r="BL14" s="72">
        <v>13099</v>
      </c>
      <c r="BM14" s="72">
        <v>411041</v>
      </c>
      <c r="BN14" s="79">
        <v>41510</v>
      </c>
      <c r="BO14" s="52">
        <v>6012550</v>
      </c>
      <c r="BP14" s="76">
        <v>39935094</v>
      </c>
      <c r="BQ14" s="53">
        <v>785514132</v>
      </c>
      <c r="BR14" s="71" t="s">
        <v>97</v>
      </c>
      <c r="BS14" s="82">
        <v>18.927</v>
      </c>
      <c r="BT14" s="83">
        <v>818.60400000000004</v>
      </c>
      <c r="BU14" s="83">
        <v>192.23500000000001</v>
      </c>
      <c r="BV14" s="83">
        <v>1029.7660000000001</v>
      </c>
      <c r="BW14" s="54">
        <v>14.169</v>
      </c>
      <c r="BX14" s="54">
        <v>1.589</v>
      </c>
      <c r="BY14" s="54">
        <v>1.927</v>
      </c>
      <c r="BZ14" s="54">
        <v>1.883</v>
      </c>
      <c r="CA14" s="106">
        <v>41126</v>
      </c>
      <c r="CB14" s="106">
        <v>14115</v>
      </c>
      <c r="CC14" s="106">
        <v>6800</v>
      </c>
      <c r="CD14" s="107">
        <v>16419</v>
      </c>
    </row>
    <row r="15" spans="1:83" s="43" customFormat="1" ht="14.4" customHeight="1" x14ac:dyDescent="0.15">
      <c r="A15" s="71" t="s">
        <v>98</v>
      </c>
      <c r="B15" s="52">
        <v>439524</v>
      </c>
      <c r="C15" s="52">
        <v>6222944</v>
      </c>
      <c r="D15" s="52">
        <v>246326675</v>
      </c>
      <c r="E15" s="72">
        <v>18845679</v>
      </c>
      <c r="F15" s="52">
        <v>29608514</v>
      </c>
      <c r="G15" s="52">
        <v>263420264</v>
      </c>
      <c r="H15" s="52">
        <v>4412159</v>
      </c>
      <c r="I15" s="52">
        <v>8347420</v>
      </c>
      <c r="J15" s="52">
        <v>57630944</v>
      </c>
      <c r="K15" s="52">
        <v>23697362</v>
      </c>
      <c r="L15" s="72">
        <v>44178878</v>
      </c>
      <c r="M15" s="52">
        <v>567377884</v>
      </c>
      <c r="N15" s="52">
        <v>13536425</v>
      </c>
      <c r="O15" s="52">
        <v>16605686</v>
      </c>
      <c r="P15" s="53">
        <v>156458046</v>
      </c>
      <c r="Q15" s="71" t="s">
        <v>99</v>
      </c>
      <c r="R15" s="72">
        <v>414849</v>
      </c>
      <c r="S15" s="72">
        <v>15819563</v>
      </c>
      <c r="T15" s="73">
        <v>10514972</v>
      </c>
      <c r="U15" s="74">
        <v>50674</v>
      </c>
      <c r="V15" s="75">
        <v>317681</v>
      </c>
      <c r="W15" s="75">
        <v>3421437</v>
      </c>
      <c r="X15" s="75">
        <v>37284461</v>
      </c>
      <c r="Y15" s="52">
        <v>737772339</v>
      </c>
      <c r="Z15" s="76">
        <v>5058</v>
      </c>
      <c r="AA15" s="72">
        <v>34060</v>
      </c>
      <c r="AB15" s="52">
        <v>586185</v>
      </c>
      <c r="AC15" s="46">
        <v>17335</v>
      </c>
      <c r="AD15" s="46">
        <v>627782</v>
      </c>
      <c r="AE15" s="46">
        <v>890828</v>
      </c>
      <c r="AF15" s="46">
        <v>6836896</v>
      </c>
      <c r="AG15" s="46">
        <v>65101</v>
      </c>
      <c r="AH15" s="50">
        <v>1975280</v>
      </c>
      <c r="AI15" s="71" t="s">
        <v>98</v>
      </c>
      <c r="AJ15" s="46">
        <v>43922</v>
      </c>
      <c r="AK15" s="46">
        <v>605571</v>
      </c>
      <c r="AL15" s="52">
        <v>128</v>
      </c>
      <c r="AM15" s="52">
        <v>5164</v>
      </c>
      <c r="AN15" s="52">
        <v>1051374</v>
      </c>
      <c r="AO15" s="52">
        <v>10636879</v>
      </c>
      <c r="AP15" s="77">
        <v>82</v>
      </c>
      <c r="AQ15" s="78">
        <v>8104</v>
      </c>
      <c r="AR15" s="79">
        <v>38340975</v>
      </c>
      <c r="AS15" s="53">
        <v>748417322</v>
      </c>
      <c r="AT15" s="108">
        <v>545309916</v>
      </c>
      <c r="AU15" s="52">
        <v>174195047</v>
      </c>
      <c r="AV15" s="46">
        <v>28912359</v>
      </c>
      <c r="AW15" s="80">
        <v>1335831</v>
      </c>
      <c r="AX15" s="52">
        <v>71892443</v>
      </c>
      <c r="AY15" s="49">
        <v>2210</v>
      </c>
      <c r="AZ15" s="50">
        <v>51407</v>
      </c>
      <c r="BA15" s="71" t="s">
        <v>98</v>
      </c>
      <c r="BB15" s="79">
        <v>10398</v>
      </c>
      <c r="BC15" s="72">
        <v>4183866</v>
      </c>
      <c r="BD15" s="67" t="s">
        <v>82</v>
      </c>
      <c r="BE15" s="67" t="s">
        <v>82</v>
      </c>
      <c r="BF15" s="52">
        <v>12295</v>
      </c>
      <c r="BG15" s="52">
        <v>631680</v>
      </c>
      <c r="BH15" s="45">
        <v>3814</v>
      </c>
      <c r="BI15" s="45">
        <v>289331</v>
      </c>
      <c r="BJ15" s="45">
        <v>18</v>
      </c>
      <c r="BK15" s="45">
        <v>3397</v>
      </c>
      <c r="BL15" s="72">
        <v>11859</v>
      </c>
      <c r="BM15" s="72">
        <v>350125</v>
      </c>
      <c r="BN15" s="52">
        <v>38384</v>
      </c>
      <c r="BO15" s="52">
        <v>5458399</v>
      </c>
      <c r="BP15" s="76">
        <v>38379359</v>
      </c>
      <c r="BQ15" s="53">
        <v>753875721</v>
      </c>
      <c r="BR15" s="71" t="s">
        <v>99</v>
      </c>
      <c r="BS15" s="82">
        <v>19.251999999999999</v>
      </c>
      <c r="BT15" s="88">
        <v>825.49199999999996</v>
      </c>
      <c r="BU15" s="83">
        <v>193.26499999999999</v>
      </c>
      <c r="BV15" s="83">
        <v>1038.009</v>
      </c>
      <c r="BW15" s="54">
        <v>14.157999999999999</v>
      </c>
      <c r="BX15" s="54">
        <v>1.571</v>
      </c>
      <c r="BY15" s="54">
        <v>1.8919999999999999</v>
      </c>
      <c r="BZ15" s="54">
        <v>1.8640000000000001</v>
      </c>
      <c r="CA15" s="109">
        <v>41273</v>
      </c>
      <c r="CB15" s="106">
        <v>14181</v>
      </c>
      <c r="CC15" s="106">
        <v>6904</v>
      </c>
      <c r="CD15" s="107">
        <v>16580</v>
      </c>
    </row>
    <row r="16" spans="1:83" s="43" customFormat="1" ht="14.4" customHeight="1" x14ac:dyDescent="0.15">
      <c r="A16" s="44" t="s">
        <v>100</v>
      </c>
      <c r="B16" s="47">
        <v>422214</v>
      </c>
      <c r="C16" s="47">
        <v>6036632</v>
      </c>
      <c r="D16" s="47">
        <v>241007895</v>
      </c>
      <c r="E16" s="47">
        <v>17834279</v>
      </c>
      <c r="F16" s="47">
        <v>27809580</v>
      </c>
      <c r="G16" s="47">
        <v>254494751</v>
      </c>
      <c r="H16" s="47">
        <v>4214715</v>
      </c>
      <c r="I16" s="47">
        <v>7796977</v>
      </c>
      <c r="J16" s="47">
        <v>54757609</v>
      </c>
      <c r="K16" s="47">
        <v>22471208</v>
      </c>
      <c r="L16" s="47">
        <v>41643189</v>
      </c>
      <c r="M16" s="47">
        <v>550260255</v>
      </c>
      <c r="N16" s="94">
        <v>12878745</v>
      </c>
      <c r="O16" s="47">
        <v>15850503</v>
      </c>
      <c r="P16" s="48">
        <v>148951078</v>
      </c>
      <c r="Q16" s="44" t="s">
        <v>100</v>
      </c>
      <c r="R16" s="94">
        <v>398943</v>
      </c>
      <c r="S16" s="94">
        <v>15955551</v>
      </c>
      <c r="T16" s="110">
        <v>10210738</v>
      </c>
      <c r="U16" s="111">
        <v>58556</v>
      </c>
      <c r="V16" s="112">
        <v>366023</v>
      </c>
      <c r="W16" s="112">
        <v>3969499</v>
      </c>
      <c r="X16" s="112">
        <v>35408509</v>
      </c>
      <c r="Y16" s="47">
        <v>713391571</v>
      </c>
      <c r="Z16" s="95">
        <v>4951</v>
      </c>
      <c r="AA16" s="94">
        <v>33058</v>
      </c>
      <c r="AB16" s="47">
        <v>578598</v>
      </c>
      <c r="AC16" s="113">
        <v>16394</v>
      </c>
      <c r="AD16" s="113">
        <v>581992</v>
      </c>
      <c r="AE16" s="113">
        <v>807109</v>
      </c>
      <c r="AF16" s="113">
        <v>6058425</v>
      </c>
      <c r="AG16" s="113">
        <v>64174</v>
      </c>
      <c r="AH16" s="90">
        <v>1924179</v>
      </c>
      <c r="AI16" s="44" t="s">
        <v>100</v>
      </c>
      <c r="AJ16" s="113">
        <v>41212</v>
      </c>
      <c r="AK16" s="113">
        <v>573576</v>
      </c>
      <c r="AL16" s="47">
        <v>107</v>
      </c>
      <c r="AM16" s="47">
        <v>2603</v>
      </c>
      <c r="AN16" s="47">
        <v>962054</v>
      </c>
      <c r="AO16" s="47">
        <v>9719373</v>
      </c>
      <c r="AP16" s="114">
        <v>66</v>
      </c>
      <c r="AQ16" s="115">
        <v>7699</v>
      </c>
      <c r="AR16" s="116">
        <v>36375580</v>
      </c>
      <c r="AS16" s="48">
        <v>723118643</v>
      </c>
      <c r="AT16" s="91">
        <v>527621001</v>
      </c>
      <c r="AU16" s="47">
        <v>169356570</v>
      </c>
      <c r="AV16" s="113">
        <v>26141072</v>
      </c>
      <c r="AW16" s="117">
        <v>1351526</v>
      </c>
      <c r="AX16" s="47">
        <v>69574712</v>
      </c>
      <c r="AY16" s="118">
        <v>2295</v>
      </c>
      <c r="AZ16" s="90">
        <v>54434</v>
      </c>
      <c r="BA16" s="44" t="s">
        <v>100</v>
      </c>
      <c r="BB16" s="91">
        <v>8901</v>
      </c>
      <c r="BC16" s="47">
        <v>3581407</v>
      </c>
      <c r="BD16" s="92" t="s">
        <v>82</v>
      </c>
      <c r="BE16" s="92" t="s">
        <v>82</v>
      </c>
      <c r="BF16" s="47">
        <v>11694</v>
      </c>
      <c r="BG16" s="47">
        <v>598360</v>
      </c>
      <c r="BH16" s="93">
        <v>3800</v>
      </c>
      <c r="BI16" s="93">
        <v>268277</v>
      </c>
      <c r="BJ16" s="93">
        <v>17</v>
      </c>
      <c r="BK16" s="93">
        <v>5804</v>
      </c>
      <c r="BL16" s="94">
        <v>10894</v>
      </c>
      <c r="BM16" s="94">
        <v>312649</v>
      </c>
      <c r="BN16" s="91">
        <v>35306</v>
      </c>
      <c r="BO16" s="47">
        <v>4766497</v>
      </c>
      <c r="BP16" s="95">
        <v>36410886</v>
      </c>
      <c r="BQ16" s="48">
        <v>727885140</v>
      </c>
      <c r="BR16" s="44" t="s">
        <v>100</v>
      </c>
      <c r="BS16" s="96">
        <v>19.672999999999998</v>
      </c>
      <c r="BT16" s="97">
        <v>830.96799999999996</v>
      </c>
      <c r="BU16" s="119">
        <v>196.38</v>
      </c>
      <c r="BV16" s="97">
        <v>1047.02</v>
      </c>
      <c r="BW16" s="98">
        <v>14.298</v>
      </c>
      <c r="BX16" s="98">
        <v>1.5589999999999999</v>
      </c>
      <c r="BY16" s="98">
        <v>1.85</v>
      </c>
      <c r="BZ16" s="98">
        <v>1.853</v>
      </c>
      <c r="CA16" s="120">
        <v>41616</v>
      </c>
      <c r="CB16" s="120">
        <v>14507</v>
      </c>
      <c r="CC16" s="120">
        <v>7023</v>
      </c>
      <c r="CD16" s="121">
        <v>16982</v>
      </c>
    </row>
    <row r="17" spans="1:82" s="11" customFormat="1" ht="14.4" customHeight="1" thickBot="1" x14ac:dyDescent="0.2">
      <c r="A17" s="122" t="s">
        <v>101</v>
      </c>
      <c r="B17" s="123">
        <v>407684</v>
      </c>
      <c r="C17" s="123">
        <v>5863040</v>
      </c>
      <c r="D17" s="123">
        <v>237466084</v>
      </c>
      <c r="E17" s="123">
        <v>17221347</v>
      </c>
      <c r="F17" s="123">
        <v>26536225</v>
      </c>
      <c r="G17" s="123">
        <v>249179310</v>
      </c>
      <c r="H17" s="123">
        <v>4064419</v>
      </c>
      <c r="I17" s="123">
        <v>7363940</v>
      </c>
      <c r="J17" s="123">
        <v>52821688</v>
      </c>
      <c r="K17" s="123">
        <v>21693450</v>
      </c>
      <c r="L17" s="123">
        <v>39763205</v>
      </c>
      <c r="M17" s="123">
        <v>539467082</v>
      </c>
      <c r="N17" s="123">
        <v>12490580</v>
      </c>
      <c r="O17" s="123">
        <v>14940330</v>
      </c>
      <c r="P17" s="124">
        <v>139082023</v>
      </c>
      <c r="Q17" s="122" t="s">
        <v>102</v>
      </c>
      <c r="R17" s="125">
        <v>385622</v>
      </c>
      <c r="S17" s="125">
        <v>15014601</v>
      </c>
      <c r="T17" s="126">
        <v>9929778</v>
      </c>
      <c r="U17" s="127">
        <v>64656</v>
      </c>
      <c r="V17" s="128">
        <v>412886</v>
      </c>
      <c r="W17" s="128">
        <v>4567885</v>
      </c>
      <c r="X17" s="128">
        <v>34248686</v>
      </c>
      <c r="Y17" s="123">
        <v>693046769</v>
      </c>
      <c r="Z17" s="129">
        <v>4879</v>
      </c>
      <c r="AA17" s="123">
        <v>34017</v>
      </c>
      <c r="AB17" s="123">
        <v>536991</v>
      </c>
      <c r="AC17" s="123">
        <v>16061</v>
      </c>
      <c r="AD17" s="123">
        <v>584222</v>
      </c>
      <c r="AE17" s="123">
        <v>735484</v>
      </c>
      <c r="AF17" s="123">
        <v>5408311</v>
      </c>
      <c r="AG17" s="123">
        <v>59581</v>
      </c>
      <c r="AH17" s="124">
        <v>1841479</v>
      </c>
      <c r="AI17" s="122" t="s">
        <v>102</v>
      </c>
      <c r="AJ17" s="123">
        <v>37890</v>
      </c>
      <c r="AK17" s="123">
        <v>525155</v>
      </c>
      <c r="AL17" s="123">
        <v>130</v>
      </c>
      <c r="AM17" s="123">
        <v>8404</v>
      </c>
      <c r="AN17" s="123">
        <v>883163</v>
      </c>
      <c r="AO17" s="123">
        <v>8904562</v>
      </c>
      <c r="AP17" s="130">
        <v>45</v>
      </c>
      <c r="AQ17" s="131">
        <v>1538</v>
      </c>
      <c r="AR17" s="129">
        <v>35136773</v>
      </c>
      <c r="AS17" s="124">
        <v>701952869</v>
      </c>
      <c r="AT17" s="132">
        <v>512393564</v>
      </c>
      <c r="AU17" s="123">
        <v>166775026</v>
      </c>
      <c r="AV17" s="123">
        <v>22784279</v>
      </c>
      <c r="AW17" s="133">
        <v>1345392</v>
      </c>
      <c r="AX17" s="123">
        <v>69319528</v>
      </c>
      <c r="AY17" s="129">
        <v>2168</v>
      </c>
      <c r="AZ17" s="124">
        <v>52948</v>
      </c>
      <c r="BA17" s="122" t="s">
        <v>102</v>
      </c>
      <c r="BB17" s="132">
        <v>8209</v>
      </c>
      <c r="BC17" s="123">
        <v>3326810</v>
      </c>
      <c r="BD17" s="134" t="s">
        <v>82</v>
      </c>
      <c r="BE17" s="134" t="s">
        <v>82</v>
      </c>
      <c r="BF17" s="123">
        <v>11427</v>
      </c>
      <c r="BG17" s="123">
        <v>584550</v>
      </c>
      <c r="BH17" s="125">
        <v>3924</v>
      </c>
      <c r="BI17" s="125">
        <v>274946</v>
      </c>
      <c r="BJ17" s="125">
        <v>24</v>
      </c>
      <c r="BK17" s="125">
        <v>9282</v>
      </c>
      <c r="BL17" s="125">
        <v>10672</v>
      </c>
      <c r="BM17" s="125">
        <v>320877</v>
      </c>
      <c r="BN17" s="125">
        <v>34256</v>
      </c>
      <c r="BO17" s="123">
        <v>4516465</v>
      </c>
      <c r="BP17" s="129">
        <v>35171029</v>
      </c>
      <c r="BQ17" s="124">
        <v>706469335</v>
      </c>
      <c r="BR17" s="122" t="s">
        <v>102</v>
      </c>
      <c r="BS17" s="135">
        <v>19.536000000000001</v>
      </c>
      <c r="BT17" s="136">
        <v>825.221</v>
      </c>
      <c r="BU17" s="136">
        <v>194.761</v>
      </c>
      <c r="BV17" s="136">
        <v>1039.518</v>
      </c>
      <c r="BW17" s="137">
        <v>14.381</v>
      </c>
      <c r="BX17" s="138">
        <v>1.5409999999999999</v>
      </c>
      <c r="BY17" s="138">
        <v>1.8120000000000001</v>
      </c>
      <c r="BZ17" s="138">
        <v>1.833</v>
      </c>
      <c r="CA17" s="139">
        <v>42196</v>
      </c>
      <c r="CB17" s="123">
        <v>14631</v>
      </c>
      <c r="CC17" s="123">
        <v>7173</v>
      </c>
      <c r="CD17" s="124">
        <v>17250</v>
      </c>
    </row>
    <row r="18" spans="1:82" s="11" customFormat="1" ht="15" customHeight="1" thickTop="1" thickBot="1" x14ac:dyDescent="0.2">
      <c r="A18" s="140" t="s">
        <v>103</v>
      </c>
      <c r="B18" s="141">
        <v>392265</v>
      </c>
      <c r="C18" s="141">
        <v>5688928</v>
      </c>
      <c r="D18" s="141">
        <v>233219669</v>
      </c>
      <c r="E18" s="141">
        <v>16554437</v>
      </c>
      <c r="F18" s="141">
        <v>25313767</v>
      </c>
      <c r="G18" s="141">
        <v>244545603</v>
      </c>
      <c r="H18" s="141">
        <v>4012892</v>
      </c>
      <c r="I18" s="141">
        <v>7080013</v>
      </c>
      <c r="J18" s="141">
        <v>51635763</v>
      </c>
      <c r="K18" s="141">
        <v>20959594</v>
      </c>
      <c r="L18" s="141">
        <v>38082708</v>
      </c>
      <c r="M18" s="141">
        <v>529401035</v>
      </c>
      <c r="N18" s="141">
        <v>12075291</v>
      </c>
      <c r="O18" s="141">
        <v>14346212</v>
      </c>
      <c r="P18" s="142">
        <v>138442297</v>
      </c>
      <c r="Q18" s="140" t="s">
        <v>103</v>
      </c>
      <c r="R18" s="143">
        <v>371428</v>
      </c>
      <c r="S18" s="143">
        <v>14695903</v>
      </c>
      <c r="T18" s="144">
        <v>9655896</v>
      </c>
      <c r="U18" s="145">
        <v>71944</v>
      </c>
      <c r="V18" s="146">
        <v>462125</v>
      </c>
      <c r="W18" s="146">
        <v>5232202</v>
      </c>
      <c r="X18" s="146">
        <v>33106829</v>
      </c>
      <c r="Y18" s="141">
        <v>682731430</v>
      </c>
      <c r="Z18" s="147">
        <v>4600</v>
      </c>
      <c r="AA18" s="141">
        <v>33855</v>
      </c>
      <c r="AB18" s="141">
        <v>629383</v>
      </c>
      <c r="AC18" s="141">
        <v>15377</v>
      </c>
      <c r="AD18" s="141">
        <v>575011</v>
      </c>
      <c r="AE18" s="141">
        <v>673897</v>
      </c>
      <c r="AF18" s="141">
        <v>4848797</v>
      </c>
      <c r="AG18" s="141">
        <v>57537</v>
      </c>
      <c r="AH18" s="142">
        <v>1788476</v>
      </c>
      <c r="AI18" s="140" t="s">
        <v>103</v>
      </c>
      <c r="AJ18" s="141">
        <v>35819</v>
      </c>
      <c r="AK18" s="141">
        <v>482167</v>
      </c>
      <c r="AL18" s="141">
        <v>153</v>
      </c>
      <c r="AM18" s="141">
        <v>2482</v>
      </c>
      <c r="AN18" s="141">
        <v>816638</v>
      </c>
      <c r="AO18" s="141">
        <v>8326317</v>
      </c>
      <c r="AP18" s="148">
        <v>33</v>
      </c>
      <c r="AQ18" s="149">
        <v>5657</v>
      </c>
      <c r="AR18" s="147">
        <v>33928100</v>
      </c>
      <c r="AS18" s="142">
        <v>691063403</v>
      </c>
      <c r="AT18" s="150">
        <v>505337586</v>
      </c>
      <c r="AU18" s="141">
        <v>164683931</v>
      </c>
      <c r="AV18" s="141">
        <v>21041886</v>
      </c>
      <c r="AW18" s="151">
        <v>1354619</v>
      </c>
      <c r="AX18" s="141">
        <v>69652956</v>
      </c>
      <c r="AY18" s="147">
        <v>2407</v>
      </c>
      <c r="AZ18" s="142">
        <v>60324</v>
      </c>
      <c r="BA18" s="140" t="s">
        <v>103</v>
      </c>
      <c r="BB18" s="150">
        <v>7607</v>
      </c>
      <c r="BC18" s="141">
        <v>3090119</v>
      </c>
      <c r="BD18" s="152" t="s">
        <v>82</v>
      </c>
      <c r="BE18" s="152" t="s">
        <v>82</v>
      </c>
      <c r="BF18" s="141">
        <v>10802</v>
      </c>
      <c r="BG18" s="141">
        <v>551180</v>
      </c>
      <c r="BH18" s="143">
        <v>3881</v>
      </c>
      <c r="BI18" s="143">
        <v>272991</v>
      </c>
      <c r="BJ18" s="143">
        <v>32</v>
      </c>
      <c r="BK18" s="143">
        <v>12099</v>
      </c>
      <c r="BL18" s="143">
        <v>10692</v>
      </c>
      <c r="BM18" s="143">
        <v>335565</v>
      </c>
      <c r="BN18" s="143">
        <v>33014</v>
      </c>
      <c r="BO18" s="141">
        <v>4261954</v>
      </c>
      <c r="BP18" s="147">
        <v>33961114</v>
      </c>
      <c r="BQ18" s="142">
        <v>695325357</v>
      </c>
      <c r="BR18" s="140" t="s">
        <v>103</v>
      </c>
      <c r="BS18" s="153">
        <v>19.977</v>
      </c>
      <c r="BT18" s="154">
        <v>843.06700000000001</v>
      </c>
      <c r="BU18" s="154">
        <v>204.364</v>
      </c>
      <c r="BV18" s="154">
        <v>1067.4079999999999</v>
      </c>
      <c r="BW18" s="155">
        <v>14.503</v>
      </c>
      <c r="BX18" s="156">
        <v>1.5289999999999999</v>
      </c>
      <c r="BY18" s="156">
        <v>1.764</v>
      </c>
      <c r="BZ18" s="156">
        <v>1.8169999999999999</v>
      </c>
      <c r="CA18" s="157">
        <v>42693</v>
      </c>
      <c r="CB18" s="141">
        <v>15130</v>
      </c>
      <c r="CC18" s="141">
        <v>7293</v>
      </c>
      <c r="CD18" s="142">
        <v>17713</v>
      </c>
    </row>
    <row r="19" spans="1:82" s="171" customFormat="1" ht="12" customHeight="1" thickBot="1" x14ac:dyDescent="0.2">
      <c r="A19" s="158" t="s">
        <v>104</v>
      </c>
      <c r="B19" s="159"/>
      <c r="C19" s="159"/>
      <c r="D19" s="159"/>
      <c r="E19" s="159"/>
      <c r="F19" s="159"/>
      <c r="G19" s="159"/>
      <c r="H19" s="159"/>
      <c r="I19" s="159"/>
      <c r="J19" s="159"/>
      <c r="K19" s="159"/>
      <c r="L19" s="159"/>
      <c r="M19" s="159"/>
      <c r="N19" s="160"/>
      <c r="O19" s="159"/>
      <c r="P19" s="161"/>
      <c r="Q19" s="158" t="s">
        <v>104</v>
      </c>
      <c r="R19" s="161"/>
      <c r="S19" s="159"/>
      <c r="T19" s="162"/>
      <c r="U19" s="162"/>
      <c r="V19" s="162"/>
      <c r="W19" s="162"/>
      <c r="X19" s="162"/>
      <c r="Y19" s="159"/>
      <c r="Z19" s="159"/>
      <c r="AA19" s="159"/>
      <c r="AB19" s="159"/>
      <c r="AC19" s="159"/>
      <c r="AD19" s="159"/>
      <c r="AE19" s="159"/>
      <c r="AF19" s="159"/>
      <c r="AG19" s="159"/>
      <c r="AH19" s="163"/>
      <c r="AI19" s="164" t="s">
        <v>104</v>
      </c>
      <c r="AJ19" s="159"/>
      <c r="AK19" s="159"/>
      <c r="AL19" s="159"/>
      <c r="AM19" s="159"/>
      <c r="AN19" s="159"/>
      <c r="AO19" s="159"/>
      <c r="AP19" s="165"/>
      <c r="AQ19" s="166"/>
      <c r="AR19" s="159"/>
      <c r="AS19" s="159"/>
      <c r="AT19" s="159"/>
      <c r="AU19" s="159"/>
      <c r="AV19" s="159"/>
      <c r="AW19" s="159"/>
      <c r="AX19" s="159"/>
      <c r="AY19" s="159"/>
      <c r="AZ19" s="161"/>
      <c r="BA19" s="158" t="s">
        <v>104</v>
      </c>
      <c r="BB19" s="159"/>
      <c r="BC19" s="159"/>
      <c r="BD19" s="167"/>
      <c r="BE19" s="167"/>
      <c r="BF19" s="159"/>
      <c r="BG19" s="159"/>
      <c r="BH19" s="159"/>
      <c r="BI19" s="159"/>
      <c r="BJ19" s="159"/>
      <c r="BK19" s="159"/>
      <c r="BL19" s="159"/>
      <c r="BM19" s="159"/>
      <c r="BN19" s="159"/>
      <c r="BO19" s="159"/>
      <c r="BP19" s="159"/>
      <c r="BQ19" s="161"/>
      <c r="BR19" s="158" t="s">
        <v>104</v>
      </c>
      <c r="BS19" s="168"/>
      <c r="BT19" s="168"/>
      <c r="BU19" s="168"/>
      <c r="BV19" s="168"/>
      <c r="BW19" s="169"/>
      <c r="BX19" s="169"/>
      <c r="BY19" s="169"/>
      <c r="BZ19" s="169"/>
      <c r="CA19" s="170"/>
      <c r="CB19" s="159"/>
      <c r="CC19" s="159"/>
      <c r="CD19" s="159"/>
    </row>
    <row r="20" spans="1:82" s="11" customFormat="1" ht="15" customHeight="1" thickBot="1" x14ac:dyDescent="0.2">
      <c r="A20" s="172" t="s">
        <v>103</v>
      </c>
      <c r="B20" s="173">
        <v>378224</v>
      </c>
      <c r="C20" s="173">
        <v>5553594</v>
      </c>
      <c r="D20" s="173">
        <v>225171092</v>
      </c>
      <c r="E20" s="173">
        <v>15729067</v>
      </c>
      <c r="F20" s="173">
        <v>24149016</v>
      </c>
      <c r="G20" s="174">
        <v>234488940</v>
      </c>
      <c r="H20" s="173">
        <v>3802817</v>
      </c>
      <c r="I20" s="173">
        <v>6720147</v>
      </c>
      <c r="J20" s="173">
        <v>48966158</v>
      </c>
      <c r="K20" s="173">
        <v>19910108</v>
      </c>
      <c r="L20" s="173">
        <v>36422757</v>
      </c>
      <c r="M20" s="173">
        <v>508626190</v>
      </c>
      <c r="N20" s="173">
        <v>11494664</v>
      </c>
      <c r="O20" s="173">
        <v>13661469</v>
      </c>
      <c r="P20" s="175">
        <v>132487425</v>
      </c>
      <c r="Q20" s="172" t="s">
        <v>103</v>
      </c>
      <c r="R20" s="176">
        <v>358567</v>
      </c>
      <c r="S20" s="173">
        <v>14388579</v>
      </c>
      <c r="T20" s="174">
        <v>9449631</v>
      </c>
      <c r="U20" s="176">
        <v>70674</v>
      </c>
      <c r="V20" s="173">
        <v>454481</v>
      </c>
      <c r="W20" s="173">
        <v>5143475</v>
      </c>
      <c r="X20" s="173">
        <v>31475446</v>
      </c>
      <c r="Y20" s="173">
        <v>655706721</v>
      </c>
      <c r="Z20" s="177">
        <v>4496</v>
      </c>
      <c r="AA20" s="173">
        <v>33018</v>
      </c>
      <c r="AB20" s="173">
        <v>620075</v>
      </c>
      <c r="AC20" s="173">
        <v>14583</v>
      </c>
      <c r="AD20" s="173">
        <v>544659</v>
      </c>
      <c r="AE20" s="173">
        <v>624718</v>
      </c>
      <c r="AF20" s="173">
        <v>4534075</v>
      </c>
      <c r="AG20" s="173">
        <v>56725</v>
      </c>
      <c r="AH20" s="175">
        <v>1764910</v>
      </c>
      <c r="AI20" s="172" t="s">
        <v>103</v>
      </c>
      <c r="AJ20" s="174">
        <v>34813</v>
      </c>
      <c r="AK20" s="173">
        <v>468708</v>
      </c>
      <c r="AL20" s="173">
        <v>152</v>
      </c>
      <c r="AM20" s="173">
        <v>2421</v>
      </c>
      <c r="AN20" s="173">
        <v>764009</v>
      </c>
      <c r="AO20" s="173">
        <v>7934848</v>
      </c>
      <c r="AP20" s="173">
        <v>29</v>
      </c>
      <c r="AQ20" s="175">
        <v>5482</v>
      </c>
      <c r="AR20" s="173">
        <v>32243980</v>
      </c>
      <c r="AS20" s="175">
        <v>663647050</v>
      </c>
      <c r="AT20" s="178">
        <v>485744283</v>
      </c>
      <c r="AU20" s="179">
        <v>157800324</v>
      </c>
      <c r="AV20" s="173">
        <v>20102443</v>
      </c>
      <c r="AW20" s="180">
        <v>1333367</v>
      </c>
      <c r="AX20" s="175">
        <v>67580068</v>
      </c>
      <c r="AY20" s="176">
        <v>2402</v>
      </c>
      <c r="AZ20" s="181">
        <v>60264</v>
      </c>
      <c r="BA20" s="182" t="s">
        <v>103</v>
      </c>
      <c r="BB20" s="176">
        <v>6451</v>
      </c>
      <c r="BC20" s="173">
        <v>2608895</v>
      </c>
      <c r="BD20" s="183" t="s">
        <v>82</v>
      </c>
      <c r="BE20" s="183" t="s">
        <v>82</v>
      </c>
      <c r="BF20" s="173">
        <v>10568</v>
      </c>
      <c r="BG20" s="173">
        <v>528650</v>
      </c>
      <c r="BH20" s="173">
        <v>0</v>
      </c>
      <c r="BI20" s="173">
        <v>0</v>
      </c>
      <c r="BJ20" s="173">
        <v>0</v>
      </c>
      <c r="BK20" s="173">
        <v>0</v>
      </c>
      <c r="BL20" s="173">
        <v>6</v>
      </c>
      <c r="BM20" s="174">
        <v>3800</v>
      </c>
      <c r="BN20" s="176">
        <v>17025</v>
      </c>
      <c r="BO20" s="173">
        <v>3141345</v>
      </c>
      <c r="BP20" s="184">
        <v>32261005</v>
      </c>
      <c r="BQ20" s="181">
        <v>666788395</v>
      </c>
      <c r="BR20" s="85" t="s">
        <v>103</v>
      </c>
      <c r="BS20" s="185">
        <v>21.143000000000001</v>
      </c>
      <c r="BT20" s="186">
        <v>879.26400000000001</v>
      </c>
      <c r="BU20" s="186">
        <v>212.58</v>
      </c>
      <c r="BV20" s="186">
        <v>1112.9860000000001</v>
      </c>
      <c r="BW20" s="187">
        <v>14.68</v>
      </c>
      <c r="BX20" s="187">
        <v>1.54</v>
      </c>
      <c r="BY20" s="187">
        <v>1.77</v>
      </c>
      <c r="BZ20" s="187">
        <v>1.83</v>
      </c>
      <c r="CA20" s="173">
        <v>42247</v>
      </c>
      <c r="CB20" s="173">
        <v>15196</v>
      </c>
      <c r="CC20" s="173">
        <v>7286</v>
      </c>
      <c r="CD20" s="175">
        <v>17781</v>
      </c>
    </row>
    <row r="21" spans="1:82" s="11" customFormat="1" ht="14.4" customHeight="1" thickTop="1" x14ac:dyDescent="0.15">
      <c r="A21" s="188" t="s">
        <v>105</v>
      </c>
      <c r="B21" s="114">
        <v>32522</v>
      </c>
      <c r="C21" s="114">
        <v>481162</v>
      </c>
      <c r="D21" s="114">
        <v>19217425</v>
      </c>
      <c r="E21" s="114">
        <v>1386353</v>
      </c>
      <c r="F21" s="114">
        <v>2140297</v>
      </c>
      <c r="G21" s="189">
        <v>19993020</v>
      </c>
      <c r="H21" s="114">
        <v>332768</v>
      </c>
      <c r="I21" s="114">
        <v>604048</v>
      </c>
      <c r="J21" s="114">
        <v>4346905</v>
      </c>
      <c r="K21" s="114">
        <v>1751643</v>
      </c>
      <c r="L21" s="114">
        <v>3225507</v>
      </c>
      <c r="M21" s="114">
        <v>43557350</v>
      </c>
      <c r="N21" s="114">
        <v>1017262</v>
      </c>
      <c r="O21" s="114">
        <v>1213351</v>
      </c>
      <c r="P21" s="115">
        <v>11530221</v>
      </c>
      <c r="Q21" s="188" t="s">
        <v>105</v>
      </c>
      <c r="R21" s="190">
        <v>30838</v>
      </c>
      <c r="S21" s="191">
        <v>1236081</v>
      </c>
      <c r="T21" s="192">
        <v>820037</v>
      </c>
      <c r="U21" s="190">
        <v>5461</v>
      </c>
      <c r="V21" s="191">
        <v>34769</v>
      </c>
      <c r="W21" s="191">
        <v>388119</v>
      </c>
      <c r="X21" s="114">
        <v>2774366</v>
      </c>
      <c r="Y21" s="114">
        <v>56295727</v>
      </c>
      <c r="Z21" s="193">
        <v>306</v>
      </c>
      <c r="AA21" s="114">
        <v>2458</v>
      </c>
      <c r="AB21" s="114">
        <v>39173</v>
      </c>
      <c r="AC21" s="114">
        <v>1129</v>
      </c>
      <c r="AD21" s="114">
        <v>41245</v>
      </c>
      <c r="AE21" s="114">
        <v>52030</v>
      </c>
      <c r="AF21" s="114">
        <v>365266</v>
      </c>
      <c r="AG21" s="114">
        <v>4657</v>
      </c>
      <c r="AH21" s="115">
        <v>134492</v>
      </c>
      <c r="AI21" s="188" t="s">
        <v>105</v>
      </c>
      <c r="AJ21" s="114">
        <v>2719</v>
      </c>
      <c r="AK21" s="114">
        <v>35042</v>
      </c>
      <c r="AL21" s="114">
        <v>0</v>
      </c>
      <c r="AM21" s="114">
        <v>0</v>
      </c>
      <c r="AN21" s="114">
        <v>62993</v>
      </c>
      <c r="AO21" s="114">
        <v>615218</v>
      </c>
      <c r="AP21" s="114">
        <v>3</v>
      </c>
      <c r="AQ21" s="115">
        <v>43</v>
      </c>
      <c r="AR21" s="114">
        <v>2837668</v>
      </c>
      <c r="AS21" s="115">
        <v>56910989</v>
      </c>
      <c r="AT21" s="194">
        <v>41593627</v>
      </c>
      <c r="AU21" s="114">
        <v>13513295</v>
      </c>
      <c r="AV21" s="114">
        <v>1804066</v>
      </c>
      <c r="AW21" s="195">
        <v>104613</v>
      </c>
      <c r="AX21" s="115">
        <v>5265760</v>
      </c>
      <c r="AY21" s="194">
        <v>19</v>
      </c>
      <c r="AZ21" s="115">
        <v>197</v>
      </c>
      <c r="BA21" s="188" t="s">
        <v>106</v>
      </c>
      <c r="BB21" s="194">
        <v>505</v>
      </c>
      <c r="BC21" s="114">
        <v>200322</v>
      </c>
      <c r="BD21" s="196" t="s">
        <v>82</v>
      </c>
      <c r="BE21" s="196" t="s">
        <v>82</v>
      </c>
      <c r="BF21" s="114">
        <v>759</v>
      </c>
      <c r="BG21" s="114">
        <v>37970</v>
      </c>
      <c r="BH21" s="114">
        <v>0</v>
      </c>
      <c r="BI21" s="114">
        <v>0</v>
      </c>
      <c r="BJ21" s="114">
        <v>0</v>
      </c>
      <c r="BK21" s="114">
        <v>0</v>
      </c>
      <c r="BL21" s="114">
        <v>1</v>
      </c>
      <c r="BM21" s="189">
        <v>800</v>
      </c>
      <c r="BN21" s="194">
        <v>1265</v>
      </c>
      <c r="BO21" s="114">
        <v>239092</v>
      </c>
      <c r="BP21" s="193">
        <v>2838933</v>
      </c>
      <c r="BQ21" s="115">
        <v>57150080</v>
      </c>
      <c r="BR21" s="197" t="s">
        <v>106</v>
      </c>
      <c r="BS21" s="198">
        <v>1.756</v>
      </c>
      <c r="BT21" s="199">
        <v>74.849000000000004</v>
      </c>
      <c r="BU21" s="199">
        <v>17.966000000000001</v>
      </c>
      <c r="BV21" s="199">
        <v>94.570999999999998</v>
      </c>
      <c r="BW21" s="200">
        <v>14.79</v>
      </c>
      <c r="BX21" s="200">
        <v>1.54</v>
      </c>
      <c r="BY21" s="200">
        <v>1.82</v>
      </c>
      <c r="BZ21" s="200">
        <v>1.84</v>
      </c>
      <c r="CA21" s="201">
        <v>41644</v>
      </c>
      <c r="CB21" s="114">
        <v>14728</v>
      </c>
      <c r="CC21" s="114">
        <v>7196</v>
      </c>
      <c r="CD21" s="115">
        <v>17267</v>
      </c>
    </row>
    <row r="22" spans="1:82" s="11" customFormat="1" ht="14.4" customHeight="1" x14ac:dyDescent="0.15">
      <c r="A22" s="188" t="s">
        <v>107</v>
      </c>
      <c r="B22" s="114">
        <v>31510</v>
      </c>
      <c r="C22" s="114">
        <v>461529</v>
      </c>
      <c r="D22" s="114">
        <v>18659221</v>
      </c>
      <c r="E22" s="114">
        <v>1356262</v>
      </c>
      <c r="F22" s="114">
        <v>2103629</v>
      </c>
      <c r="G22" s="189">
        <v>20026259</v>
      </c>
      <c r="H22" s="114">
        <v>327526</v>
      </c>
      <c r="I22" s="114">
        <v>591813</v>
      </c>
      <c r="J22" s="114">
        <v>4251322</v>
      </c>
      <c r="K22" s="114">
        <v>1715298</v>
      </c>
      <c r="L22" s="114">
        <v>3156971</v>
      </c>
      <c r="M22" s="114">
        <v>42936802</v>
      </c>
      <c r="N22" s="114">
        <v>999008</v>
      </c>
      <c r="O22" s="114">
        <v>1203920</v>
      </c>
      <c r="P22" s="115">
        <v>11818285</v>
      </c>
      <c r="Q22" s="188" t="s">
        <v>108</v>
      </c>
      <c r="R22" s="190">
        <v>29912</v>
      </c>
      <c r="S22" s="191">
        <v>1184164</v>
      </c>
      <c r="T22" s="192">
        <v>785089</v>
      </c>
      <c r="U22" s="190">
        <v>5400</v>
      </c>
      <c r="V22" s="191">
        <v>34558</v>
      </c>
      <c r="W22" s="191">
        <v>386287</v>
      </c>
      <c r="X22" s="114">
        <v>2719706</v>
      </c>
      <c r="Y22" s="114">
        <v>55926463</v>
      </c>
      <c r="Z22" s="193">
        <v>322</v>
      </c>
      <c r="AA22" s="114">
        <v>3032</v>
      </c>
      <c r="AB22" s="114">
        <v>58969</v>
      </c>
      <c r="AC22" s="114">
        <v>1174</v>
      </c>
      <c r="AD22" s="114">
        <v>44249</v>
      </c>
      <c r="AE22" s="114">
        <v>52784</v>
      </c>
      <c r="AF22" s="114">
        <v>382341</v>
      </c>
      <c r="AG22" s="114">
        <v>4798</v>
      </c>
      <c r="AH22" s="115">
        <v>147461</v>
      </c>
      <c r="AI22" s="188" t="s">
        <v>109</v>
      </c>
      <c r="AJ22" s="114">
        <v>2762</v>
      </c>
      <c r="AK22" s="114">
        <v>37158</v>
      </c>
      <c r="AL22" s="114">
        <v>4</v>
      </c>
      <c r="AM22" s="114">
        <v>301</v>
      </c>
      <c r="AN22" s="114">
        <v>64554</v>
      </c>
      <c r="AO22" s="114">
        <v>670480</v>
      </c>
      <c r="AP22" s="114">
        <v>2</v>
      </c>
      <c r="AQ22" s="115">
        <v>42</v>
      </c>
      <c r="AR22" s="114">
        <v>2784584</v>
      </c>
      <c r="AS22" s="115">
        <v>56596985</v>
      </c>
      <c r="AT22" s="194">
        <v>41384346</v>
      </c>
      <c r="AU22" s="114">
        <v>13472838</v>
      </c>
      <c r="AV22" s="114">
        <v>1739801</v>
      </c>
      <c r="AW22" s="195">
        <v>103311</v>
      </c>
      <c r="AX22" s="115">
        <v>5517138</v>
      </c>
      <c r="AY22" s="194">
        <v>162</v>
      </c>
      <c r="AZ22" s="115">
        <v>4893</v>
      </c>
      <c r="BA22" s="188" t="s">
        <v>107</v>
      </c>
      <c r="BB22" s="194">
        <v>486</v>
      </c>
      <c r="BC22" s="114">
        <v>201212</v>
      </c>
      <c r="BD22" s="196" t="s">
        <v>82</v>
      </c>
      <c r="BE22" s="196" t="s">
        <v>82</v>
      </c>
      <c r="BF22" s="114">
        <v>827</v>
      </c>
      <c r="BG22" s="114">
        <v>41410</v>
      </c>
      <c r="BH22" s="114">
        <v>0</v>
      </c>
      <c r="BI22" s="114">
        <v>0</v>
      </c>
      <c r="BJ22" s="114">
        <v>0</v>
      </c>
      <c r="BK22" s="114">
        <v>0</v>
      </c>
      <c r="BL22" s="114">
        <v>1</v>
      </c>
      <c r="BM22" s="189">
        <v>600</v>
      </c>
      <c r="BN22" s="194">
        <v>1314</v>
      </c>
      <c r="BO22" s="114">
        <v>243222</v>
      </c>
      <c r="BP22" s="193">
        <v>2785898</v>
      </c>
      <c r="BQ22" s="115">
        <v>56840207</v>
      </c>
      <c r="BR22" s="188" t="s">
        <v>107</v>
      </c>
      <c r="BS22" s="198">
        <v>1.6830000000000001</v>
      </c>
      <c r="BT22" s="199">
        <v>72.444999999999993</v>
      </c>
      <c r="BU22" s="199">
        <v>17.495000000000001</v>
      </c>
      <c r="BV22" s="199">
        <v>91.623000000000005</v>
      </c>
      <c r="BW22" s="200">
        <v>14.65</v>
      </c>
      <c r="BX22" s="200">
        <v>1.55</v>
      </c>
      <c r="BY22" s="200">
        <v>1.81</v>
      </c>
      <c r="BZ22" s="200">
        <v>1.84</v>
      </c>
      <c r="CA22" s="201">
        <v>42130</v>
      </c>
      <c r="CB22" s="114">
        <v>15138</v>
      </c>
      <c r="CC22" s="114">
        <v>7184</v>
      </c>
      <c r="CD22" s="115">
        <v>17523</v>
      </c>
    </row>
    <row r="23" spans="1:82" s="11" customFormat="1" ht="14.4" customHeight="1" x14ac:dyDescent="0.15">
      <c r="A23" s="188" t="s">
        <v>110</v>
      </c>
      <c r="B23" s="114">
        <v>31408</v>
      </c>
      <c r="C23" s="114">
        <v>471976</v>
      </c>
      <c r="D23" s="114">
        <v>18674459</v>
      </c>
      <c r="E23" s="114">
        <v>1302872</v>
      </c>
      <c r="F23" s="114">
        <v>1979701</v>
      </c>
      <c r="G23" s="189">
        <v>19621777</v>
      </c>
      <c r="H23" s="114">
        <v>321860</v>
      </c>
      <c r="I23" s="114">
        <v>567215</v>
      </c>
      <c r="J23" s="114">
        <v>4060824</v>
      </c>
      <c r="K23" s="114">
        <v>1656140</v>
      </c>
      <c r="L23" s="114">
        <v>3018892</v>
      </c>
      <c r="M23" s="114">
        <v>42357060</v>
      </c>
      <c r="N23" s="114">
        <v>943996</v>
      </c>
      <c r="O23" s="114">
        <v>1107407</v>
      </c>
      <c r="P23" s="115">
        <v>10567430</v>
      </c>
      <c r="Q23" s="188" t="s">
        <v>110</v>
      </c>
      <c r="R23" s="190">
        <v>29800</v>
      </c>
      <c r="S23" s="191">
        <v>1355795</v>
      </c>
      <c r="T23" s="192">
        <v>803567</v>
      </c>
      <c r="U23" s="190">
        <v>5821</v>
      </c>
      <c r="V23" s="191">
        <v>37217</v>
      </c>
      <c r="W23" s="191">
        <v>416194</v>
      </c>
      <c r="X23" s="114">
        <v>2605957</v>
      </c>
      <c r="Y23" s="114">
        <v>54144250</v>
      </c>
      <c r="Z23" s="193">
        <v>336</v>
      </c>
      <c r="AA23" s="114">
        <v>2621</v>
      </c>
      <c r="AB23" s="114">
        <v>47228</v>
      </c>
      <c r="AC23" s="114">
        <v>1136</v>
      </c>
      <c r="AD23" s="114">
        <v>42224</v>
      </c>
      <c r="AE23" s="114">
        <v>54047</v>
      </c>
      <c r="AF23" s="114">
        <v>402111</v>
      </c>
      <c r="AG23" s="114">
        <v>4526</v>
      </c>
      <c r="AH23" s="115">
        <v>141868</v>
      </c>
      <c r="AI23" s="188" t="s">
        <v>110</v>
      </c>
      <c r="AJ23" s="114">
        <v>2554</v>
      </c>
      <c r="AK23" s="114">
        <v>35994</v>
      </c>
      <c r="AL23" s="114">
        <v>21</v>
      </c>
      <c r="AM23" s="114">
        <v>373</v>
      </c>
      <c r="AN23" s="114">
        <v>64905</v>
      </c>
      <c r="AO23" s="114">
        <v>669800</v>
      </c>
      <c r="AP23" s="114">
        <v>1</v>
      </c>
      <c r="AQ23" s="115">
        <v>17</v>
      </c>
      <c r="AR23" s="114">
        <v>2671199</v>
      </c>
      <c r="AS23" s="115">
        <v>54814066</v>
      </c>
      <c r="AT23" s="194">
        <v>40061430</v>
      </c>
      <c r="AU23" s="114">
        <v>13085213</v>
      </c>
      <c r="AV23" s="114">
        <v>1667423</v>
      </c>
      <c r="AW23" s="195">
        <v>109851</v>
      </c>
      <c r="AX23" s="115">
        <v>5573962</v>
      </c>
      <c r="AY23" s="194">
        <v>448</v>
      </c>
      <c r="AZ23" s="115">
        <v>9668</v>
      </c>
      <c r="BA23" s="188" t="s">
        <v>110</v>
      </c>
      <c r="BB23" s="194">
        <v>501</v>
      </c>
      <c r="BC23" s="114">
        <v>203670</v>
      </c>
      <c r="BD23" s="196" t="s">
        <v>82</v>
      </c>
      <c r="BE23" s="196" t="s">
        <v>82</v>
      </c>
      <c r="BF23" s="114">
        <v>905</v>
      </c>
      <c r="BG23" s="114">
        <v>45290</v>
      </c>
      <c r="BH23" s="114">
        <v>0</v>
      </c>
      <c r="BI23" s="114">
        <v>0</v>
      </c>
      <c r="BJ23" s="114">
        <v>0</v>
      </c>
      <c r="BK23" s="114">
        <v>0</v>
      </c>
      <c r="BL23" s="114">
        <v>0</v>
      </c>
      <c r="BM23" s="189">
        <v>0</v>
      </c>
      <c r="BN23" s="194">
        <v>1406</v>
      </c>
      <c r="BO23" s="114">
        <v>248960</v>
      </c>
      <c r="BP23" s="193">
        <v>2672605</v>
      </c>
      <c r="BQ23" s="115">
        <v>55063026</v>
      </c>
      <c r="BR23" s="188" t="s">
        <v>110</v>
      </c>
      <c r="BS23" s="198">
        <v>1.6850000000000001</v>
      </c>
      <c r="BT23" s="199">
        <v>69.908000000000001</v>
      </c>
      <c r="BU23" s="199">
        <v>17.27</v>
      </c>
      <c r="BV23" s="199">
        <v>88.863</v>
      </c>
      <c r="BW23" s="200">
        <v>15.03</v>
      </c>
      <c r="BX23" s="200">
        <v>1.52</v>
      </c>
      <c r="BY23" s="200">
        <v>1.76</v>
      </c>
      <c r="BZ23" s="200">
        <v>1.82</v>
      </c>
      <c r="CA23" s="201">
        <v>41269</v>
      </c>
      <c r="CB23" s="114">
        <v>15249</v>
      </c>
      <c r="CC23" s="114">
        <v>7159</v>
      </c>
      <c r="CD23" s="115">
        <v>17717</v>
      </c>
    </row>
    <row r="24" spans="1:82" s="11" customFormat="1" ht="14.4" customHeight="1" x14ac:dyDescent="0.15">
      <c r="A24" s="188" t="s">
        <v>111</v>
      </c>
      <c r="B24" s="114">
        <v>32313</v>
      </c>
      <c r="C24" s="114">
        <v>464310</v>
      </c>
      <c r="D24" s="114">
        <v>18910121</v>
      </c>
      <c r="E24" s="114">
        <v>1310279</v>
      </c>
      <c r="F24" s="114">
        <v>2017819</v>
      </c>
      <c r="G24" s="189">
        <v>19342908</v>
      </c>
      <c r="H24" s="114">
        <v>330875</v>
      </c>
      <c r="I24" s="114">
        <v>586294</v>
      </c>
      <c r="J24" s="114">
        <v>4252101</v>
      </c>
      <c r="K24" s="114">
        <v>1673467</v>
      </c>
      <c r="L24" s="114">
        <v>3068423</v>
      </c>
      <c r="M24" s="114">
        <v>42505131</v>
      </c>
      <c r="N24" s="114">
        <v>943820</v>
      </c>
      <c r="O24" s="114">
        <v>1112720</v>
      </c>
      <c r="P24" s="115">
        <v>10569032</v>
      </c>
      <c r="Q24" s="188" t="s">
        <v>111</v>
      </c>
      <c r="R24" s="190">
        <v>30698</v>
      </c>
      <c r="S24" s="191">
        <v>1191428</v>
      </c>
      <c r="T24" s="192">
        <v>789967</v>
      </c>
      <c r="U24" s="190">
        <v>5714</v>
      </c>
      <c r="V24" s="191">
        <v>35313</v>
      </c>
      <c r="W24" s="191">
        <v>400926</v>
      </c>
      <c r="X24" s="114">
        <v>2623001</v>
      </c>
      <c r="Y24" s="114">
        <v>54265056</v>
      </c>
      <c r="Z24" s="193">
        <v>347</v>
      </c>
      <c r="AA24" s="114">
        <v>2636</v>
      </c>
      <c r="AB24" s="114">
        <v>49926</v>
      </c>
      <c r="AC24" s="114">
        <v>1258</v>
      </c>
      <c r="AD24" s="114">
        <v>44326</v>
      </c>
      <c r="AE24" s="114">
        <v>54259</v>
      </c>
      <c r="AF24" s="114">
        <v>401306</v>
      </c>
      <c r="AG24" s="114">
        <v>4666</v>
      </c>
      <c r="AH24" s="115">
        <v>147696</v>
      </c>
      <c r="AI24" s="188" t="s">
        <v>111</v>
      </c>
      <c r="AJ24" s="114">
        <v>3393</v>
      </c>
      <c r="AK24" s="114">
        <v>44434</v>
      </c>
      <c r="AL24" s="114">
        <v>5</v>
      </c>
      <c r="AM24" s="114">
        <v>560</v>
      </c>
      <c r="AN24" s="114">
        <v>66217</v>
      </c>
      <c r="AO24" s="114">
        <v>688249</v>
      </c>
      <c r="AP24" s="114">
        <v>2</v>
      </c>
      <c r="AQ24" s="115">
        <v>4434</v>
      </c>
      <c r="AR24" s="114">
        <v>2689567</v>
      </c>
      <c r="AS24" s="115">
        <v>54957740</v>
      </c>
      <c r="AT24" s="194">
        <v>40187020</v>
      </c>
      <c r="AU24" s="114">
        <v>13084829</v>
      </c>
      <c r="AV24" s="114">
        <v>1685892</v>
      </c>
      <c r="AW24" s="195">
        <v>111411</v>
      </c>
      <c r="AX24" s="115">
        <v>5577741</v>
      </c>
      <c r="AY24" s="194">
        <v>297</v>
      </c>
      <c r="AZ24" s="115">
        <v>10532</v>
      </c>
      <c r="BA24" s="188" t="s">
        <v>111</v>
      </c>
      <c r="BB24" s="194">
        <v>520</v>
      </c>
      <c r="BC24" s="114">
        <v>207501</v>
      </c>
      <c r="BD24" s="196" t="s">
        <v>82</v>
      </c>
      <c r="BE24" s="196" t="s">
        <v>82</v>
      </c>
      <c r="BF24" s="114">
        <v>839</v>
      </c>
      <c r="BG24" s="114">
        <v>41990</v>
      </c>
      <c r="BH24" s="114">
        <v>0</v>
      </c>
      <c r="BI24" s="114">
        <v>0</v>
      </c>
      <c r="BJ24" s="114">
        <v>0</v>
      </c>
      <c r="BK24" s="114">
        <v>0</v>
      </c>
      <c r="BL24" s="114">
        <v>0</v>
      </c>
      <c r="BM24" s="189">
        <v>0</v>
      </c>
      <c r="BN24" s="194">
        <v>1359</v>
      </c>
      <c r="BO24" s="114">
        <v>249491</v>
      </c>
      <c r="BP24" s="193">
        <v>2690926</v>
      </c>
      <c r="BQ24" s="115">
        <v>55207231</v>
      </c>
      <c r="BR24" s="188" t="s">
        <v>111</v>
      </c>
      <c r="BS24" s="198">
        <v>1.7470000000000001</v>
      </c>
      <c r="BT24" s="199">
        <v>70.819999999999993</v>
      </c>
      <c r="BU24" s="199">
        <v>17.884</v>
      </c>
      <c r="BV24" s="199">
        <v>90.450999999999993</v>
      </c>
      <c r="BW24" s="200">
        <v>14.37</v>
      </c>
      <c r="BX24" s="200">
        <v>1.54</v>
      </c>
      <c r="BY24" s="200">
        <v>1.77</v>
      </c>
      <c r="BZ24" s="200">
        <v>1.83</v>
      </c>
      <c r="CA24" s="201">
        <v>42429</v>
      </c>
      <c r="CB24" s="114">
        <v>14824</v>
      </c>
      <c r="CC24" s="114">
        <v>7253</v>
      </c>
      <c r="CD24" s="115">
        <v>17484</v>
      </c>
    </row>
    <row r="25" spans="1:82" s="11" customFormat="1" ht="14.4" customHeight="1" x14ac:dyDescent="0.15">
      <c r="A25" s="188" t="s">
        <v>112</v>
      </c>
      <c r="B25" s="114">
        <v>32893</v>
      </c>
      <c r="C25" s="114">
        <v>476322</v>
      </c>
      <c r="D25" s="114">
        <v>19670661</v>
      </c>
      <c r="E25" s="114">
        <v>1359287</v>
      </c>
      <c r="F25" s="114">
        <v>2161974</v>
      </c>
      <c r="G25" s="189">
        <v>20659262</v>
      </c>
      <c r="H25" s="114">
        <v>331176</v>
      </c>
      <c r="I25" s="114">
        <v>609905</v>
      </c>
      <c r="J25" s="114">
        <v>4376269</v>
      </c>
      <c r="K25" s="114">
        <v>1723356</v>
      </c>
      <c r="L25" s="114">
        <v>3248201</v>
      </c>
      <c r="M25" s="114">
        <v>44706192</v>
      </c>
      <c r="N25" s="114">
        <v>989029</v>
      </c>
      <c r="O25" s="114">
        <v>1200626</v>
      </c>
      <c r="P25" s="115">
        <v>11553385</v>
      </c>
      <c r="Q25" s="188" t="s">
        <v>112</v>
      </c>
      <c r="R25" s="190">
        <v>31219</v>
      </c>
      <c r="S25" s="191">
        <v>1218777</v>
      </c>
      <c r="T25" s="192">
        <v>809080</v>
      </c>
      <c r="U25" s="190">
        <v>5934</v>
      </c>
      <c r="V25" s="191">
        <v>40682</v>
      </c>
      <c r="W25" s="191">
        <v>452543</v>
      </c>
      <c r="X25" s="114">
        <v>2718319</v>
      </c>
      <c r="Y25" s="114">
        <v>57521200</v>
      </c>
      <c r="Z25" s="193">
        <v>321</v>
      </c>
      <c r="AA25" s="114">
        <v>2518</v>
      </c>
      <c r="AB25" s="114">
        <v>39679</v>
      </c>
      <c r="AC25" s="114">
        <v>1311</v>
      </c>
      <c r="AD25" s="114">
        <v>49251</v>
      </c>
      <c r="AE25" s="114">
        <v>54224</v>
      </c>
      <c r="AF25" s="114">
        <v>396710</v>
      </c>
      <c r="AG25" s="114">
        <v>4767</v>
      </c>
      <c r="AH25" s="115">
        <v>146198</v>
      </c>
      <c r="AI25" s="188" t="s">
        <v>112</v>
      </c>
      <c r="AJ25" s="114">
        <v>2861</v>
      </c>
      <c r="AK25" s="114">
        <v>39868</v>
      </c>
      <c r="AL25" s="114">
        <v>4</v>
      </c>
      <c r="AM25" s="114">
        <v>-121</v>
      </c>
      <c r="AN25" s="114">
        <v>65685</v>
      </c>
      <c r="AO25" s="114">
        <v>671585</v>
      </c>
      <c r="AP25" s="114">
        <v>2</v>
      </c>
      <c r="AQ25" s="115">
        <v>55</v>
      </c>
      <c r="AR25" s="114">
        <v>2784327</v>
      </c>
      <c r="AS25" s="115">
        <v>58192841</v>
      </c>
      <c r="AT25" s="194">
        <v>42573208</v>
      </c>
      <c r="AU25" s="114">
        <v>13831775</v>
      </c>
      <c r="AV25" s="114">
        <v>1787858</v>
      </c>
      <c r="AW25" s="195">
        <v>111178</v>
      </c>
      <c r="AX25" s="115">
        <v>5516876</v>
      </c>
      <c r="AY25" s="194">
        <v>373</v>
      </c>
      <c r="AZ25" s="115">
        <v>8430</v>
      </c>
      <c r="BA25" s="188" t="s">
        <v>112</v>
      </c>
      <c r="BB25" s="194">
        <v>573</v>
      </c>
      <c r="BC25" s="114">
        <v>232153</v>
      </c>
      <c r="BD25" s="196" t="s">
        <v>82</v>
      </c>
      <c r="BE25" s="196" t="s">
        <v>82</v>
      </c>
      <c r="BF25" s="114">
        <v>810</v>
      </c>
      <c r="BG25" s="114">
        <v>40500</v>
      </c>
      <c r="BH25" s="114">
        <v>0</v>
      </c>
      <c r="BI25" s="114">
        <v>0</v>
      </c>
      <c r="BJ25" s="114">
        <v>0</v>
      </c>
      <c r="BK25" s="114">
        <v>0</v>
      </c>
      <c r="BL25" s="114">
        <v>0</v>
      </c>
      <c r="BM25" s="189">
        <v>0</v>
      </c>
      <c r="BN25" s="194">
        <v>1383</v>
      </c>
      <c r="BO25" s="114">
        <v>272653</v>
      </c>
      <c r="BP25" s="193">
        <v>2785710</v>
      </c>
      <c r="BQ25" s="115">
        <v>58465494</v>
      </c>
      <c r="BR25" s="188" t="s">
        <v>112</v>
      </c>
      <c r="BS25" s="198">
        <v>1.79</v>
      </c>
      <c r="BT25" s="199">
        <v>73.962999999999994</v>
      </c>
      <c r="BU25" s="199">
        <v>18.02</v>
      </c>
      <c r="BV25" s="199">
        <v>93.772999999999996</v>
      </c>
      <c r="BW25" s="200">
        <v>14.48</v>
      </c>
      <c r="BX25" s="200">
        <v>1.59</v>
      </c>
      <c r="BY25" s="200">
        <v>1.84</v>
      </c>
      <c r="BZ25" s="200">
        <v>1.88</v>
      </c>
      <c r="CA25" s="201">
        <v>42996</v>
      </c>
      <c r="CB25" s="114">
        <v>14900</v>
      </c>
      <c r="CC25" s="114">
        <v>7175</v>
      </c>
      <c r="CD25" s="115">
        <v>17490</v>
      </c>
    </row>
    <row r="26" spans="1:82" s="11" customFormat="1" ht="14.4" customHeight="1" x14ac:dyDescent="0.15">
      <c r="A26" s="188" t="s">
        <v>113</v>
      </c>
      <c r="B26" s="114">
        <v>32262</v>
      </c>
      <c r="C26" s="114">
        <v>471960</v>
      </c>
      <c r="D26" s="114">
        <v>18939524</v>
      </c>
      <c r="E26" s="114">
        <v>1254753</v>
      </c>
      <c r="F26" s="114">
        <v>1911626</v>
      </c>
      <c r="G26" s="189">
        <v>19025434</v>
      </c>
      <c r="H26" s="114">
        <v>296907</v>
      </c>
      <c r="I26" s="114">
        <v>504820</v>
      </c>
      <c r="J26" s="114">
        <v>3657020</v>
      </c>
      <c r="K26" s="114">
        <v>1583922</v>
      </c>
      <c r="L26" s="114">
        <v>2888406</v>
      </c>
      <c r="M26" s="114">
        <v>41621978</v>
      </c>
      <c r="N26" s="114">
        <v>912839</v>
      </c>
      <c r="O26" s="114">
        <v>1081972</v>
      </c>
      <c r="P26" s="115">
        <v>10788298</v>
      </c>
      <c r="Q26" s="188" t="s">
        <v>113</v>
      </c>
      <c r="R26" s="190">
        <v>30647</v>
      </c>
      <c r="S26" s="191">
        <v>1210105</v>
      </c>
      <c r="T26" s="192">
        <v>803022</v>
      </c>
      <c r="U26" s="190">
        <v>5754</v>
      </c>
      <c r="V26" s="191">
        <v>37975</v>
      </c>
      <c r="W26" s="191">
        <v>427664</v>
      </c>
      <c r="X26" s="114">
        <v>2502515</v>
      </c>
      <c r="Y26" s="114">
        <v>53640963</v>
      </c>
      <c r="Z26" s="193">
        <v>478</v>
      </c>
      <c r="AA26" s="114">
        <v>2523</v>
      </c>
      <c r="AB26" s="114">
        <v>86233</v>
      </c>
      <c r="AC26" s="114">
        <v>1209</v>
      </c>
      <c r="AD26" s="114">
        <v>45172</v>
      </c>
      <c r="AE26" s="114">
        <v>54701</v>
      </c>
      <c r="AF26" s="114">
        <v>403868</v>
      </c>
      <c r="AG26" s="114">
        <v>4827</v>
      </c>
      <c r="AH26" s="115">
        <v>154849</v>
      </c>
      <c r="AI26" s="188" t="s">
        <v>113</v>
      </c>
      <c r="AJ26" s="114">
        <v>2857</v>
      </c>
      <c r="AK26" s="114">
        <v>38275</v>
      </c>
      <c r="AL26" s="114">
        <v>24</v>
      </c>
      <c r="AM26" s="114">
        <v>247</v>
      </c>
      <c r="AN26" s="114">
        <v>66141</v>
      </c>
      <c r="AO26" s="114">
        <v>728643</v>
      </c>
      <c r="AP26" s="114">
        <v>1</v>
      </c>
      <c r="AQ26" s="115">
        <v>38</v>
      </c>
      <c r="AR26" s="114">
        <v>2569135</v>
      </c>
      <c r="AS26" s="115">
        <v>54369645</v>
      </c>
      <c r="AT26" s="194">
        <v>39776807</v>
      </c>
      <c r="AU26" s="114">
        <v>12930458</v>
      </c>
      <c r="AV26" s="114">
        <v>1662380</v>
      </c>
      <c r="AW26" s="195">
        <v>112543</v>
      </c>
      <c r="AX26" s="115">
        <v>5855315</v>
      </c>
      <c r="AY26" s="194">
        <v>264</v>
      </c>
      <c r="AZ26" s="115">
        <v>8263</v>
      </c>
      <c r="BA26" s="188" t="s">
        <v>113</v>
      </c>
      <c r="BB26" s="194">
        <v>573</v>
      </c>
      <c r="BC26" s="114">
        <v>230616</v>
      </c>
      <c r="BD26" s="196" t="s">
        <v>82</v>
      </c>
      <c r="BE26" s="196" t="s">
        <v>82</v>
      </c>
      <c r="BF26" s="114">
        <v>859</v>
      </c>
      <c r="BG26" s="114">
        <v>42970</v>
      </c>
      <c r="BH26" s="114">
        <v>0</v>
      </c>
      <c r="BI26" s="114">
        <v>0</v>
      </c>
      <c r="BJ26" s="114">
        <v>0</v>
      </c>
      <c r="BK26" s="114">
        <v>0</v>
      </c>
      <c r="BL26" s="114">
        <v>2</v>
      </c>
      <c r="BM26" s="189">
        <v>1200</v>
      </c>
      <c r="BN26" s="194">
        <v>1434</v>
      </c>
      <c r="BO26" s="114">
        <v>274786</v>
      </c>
      <c r="BP26" s="193">
        <v>2570569</v>
      </c>
      <c r="BQ26" s="115">
        <v>54644431</v>
      </c>
      <c r="BR26" s="188" t="s">
        <v>113</v>
      </c>
      <c r="BS26" s="198">
        <v>1.764</v>
      </c>
      <c r="BT26" s="199">
        <v>68.605999999999995</v>
      </c>
      <c r="BU26" s="199">
        <v>16.234000000000002</v>
      </c>
      <c r="BV26" s="199">
        <v>86.603999999999999</v>
      </c>
      <c r="BW26" s="200">
        <v>14.63</v>
      </c>
      <c r="BX26" s="200">
        <v>1.52</v>
      </c>
      <c r="BY26" s="200">
        <v>1.7</v>
      </c>
      <c r="BZ26" s="200">
        <v>1.82</v>
      </c>
      <c r="CA26" s="201">
        <v>41831</v>
      </c>
      <c r="CB26" s="114">
        <v>15596</v>
      </c>
      <c r="CC26" s="114">
        <v>7244</v>
      </c>
      <c r="CD26" s="115">
        <v>18330</v>
      </c>
    </row>
    <row r="27" spans="1:82" s="11" customFormat="1" ht="14.4" customHeight="1" x14ac:dyDescent="0.15">
      <c r="A27" s="188" t="s">
        <v>114</v>
      </c>
      <c r="B27" s="114">
        <v>31048</v>
      </c>
      <c r="C27" s="114">
        <v>457514</v>
      </c>
      <c r="D27" s="114">
        <v>18070294</v>
      </c>
      <c r="E27" s="114">
        <v>1280792</v>
      </c>
      <c r="F27" s="114">
        <v>1958205</v>
      </c>
      <c r="G27" s="189">
        <v>18931541</v>
      </c>
      <c r="H27" s="114">
        <v>309181</v>
      </c>
      <c r="I27" s="114">
        <v>539054</v>
      </c>
      <c r="J27" s="114">
        <v>3941006</v>
      </c>
      <c r="K27" s="114">
        <v>1621021</v>
      </c>
      <c r="L27" s="114">
        <v>2954773</v>
      </c>
      <c r="M27" s="114">
        <v>40942841</v>
      </c>
      <c r="N27" s="114">
        <v>925062</v>
      </c>
      <c r="O27" s="114">
        <v>1091901</v>
      </c>
      <c r="P27" s="115">
        <v>10572134</v>
      </c>
      <c r="Q27" s="188" t="s">
        <v>114</v>
      </c>
      <c r="R27" s="190">
        <v>29478</v>
      </c>
      <c r="S27" s="191">
        <v>1172828</v>
      </c>
      <c r="T27" s="192">
        <v>778803</v>
      </c>
      <c r="U27" s="190">
        <v>6074</v>
      </c>
      <c r="V27" s="191">
        <v>38846</v>
      </c>
      <c r="W27" s="191">
        <v>445823</v>
      </c>
      <c r="X27" s="114">
        <v>2552157</v>
      </c>
      <c r="Y27" s="114">
        <v>52739600</v>
      </c>
      <c r="Z27" s="193">
        <v>451</v>
      </c>
      <c r="AA27" s="114">
        <v>2077</v>
      </c>
      <c r="AB27" s="114">
        <v>37671</v>
      </c>
      <c r="AC27" s="114">
        <v>1197</v>
      </c>
      <c r="AD27" s="114">
        <v>44900</v>
      </c>
      <c r="AE27" s="114">
        <v>52545</v>
      </c>
      <c r="AF27" s="114">
        <v>387426</v>
      </c>
      <c r="AG27" s="114">
        <v>4647</v>
      </c>
      <c r="AH27" s="115">
        <v>147710</v>
      </c>
      <c r="AI27" s="188" t="s">
        <v>114</v>
      </c>
      <c r="AJ27" s="114">
        <v>2959</v>
      </c>
      <c r="AK27" s="114">
        <v>39830</v>
      </c>
      <c r="AL27" s="114">
        <v>33</v>
      </c>
      <c r="AM27" s="114">
        <v>491</v>
      </c>
      <c r="AN27" s="114">
        <v>63458</v>
      </c>
      <c r="AO27" s="114">
        <v>658029</v>
      </c>
      <c r="AP27" s="114">
        <v>3</v>
      </c>
      <c r="AQ27" s="115">
        <v>120</v>
      </c>
      <c r="AR27" s="114">
        <v>2616069</v>
      </c>
      <c r="AS27" s="115">
        <v>53397748</v>
      </c>
      <c r="AT27" s="194">
        <v>39094622</v>
      </c>
      <c r="AU27" s="114">
        <v>12649540</v>
      </c>
      <c r="AV27" s="114">
        <v>1653586</v>
      </c>
      <c r="AW27" s="195">
        <v>111111</v>
      </c>
      <c r="AX27" s="115">
        <v>5631148</v>
      </c>
      <c r="AY27" s="194">
        <v>57</v>
      </c>
      <c r="AZ27" s="115">
        <v>1206</v>
      </c>
      <c r="BA27" s="188" t="s">
        <v>114</v>
      </c>
      <c r="BB27" s="194">
        <v>570</v>
      </c>
      <c r="BC27" s="114">
        <v>229532</v>
      </c>
      <c r="BD27" s="196" t="s">
        <v>82</v>
      </c>
      <c r="BE27" s="196" t="s">
        <v>82</v>
      </c>
      <c r="BF27" s="114">
        <v>767</v>
      </c>
      <c r="BG27" s="114">
        <v>38350</v>
      </c>
      <c r="BH27" s="114">
        <v>0</v>
      </c>
      <c r="BI27" s="114">
        <v>0</v>
      </c>
      <c r="BJ27" s="114">
        <v>0</v>
      </c>
      <c r="BK27" s="114">
        <v>0</v>
      </c>
      <c r="BL27" s="114">
        <v>0</v>
      </c>
      <c r="BM27" s="189">
        <v>0</v>
      </c>
      <c r="BN27" s="194">
        <v>1337</v>
      </c>
      <c r="BO27" s="114">
        <v>267882</v>
      </c>
      <c r="BP27" s="193">
        <v>2617406</v>
      </c>
      <c r="BQ27" s="115">
        <v>53665631</v>
      </c>
      <c r="BR27" s="188" t="s">
        <v>114</v>
      </c>
      <c r="BS27" s="198">
        <v>1.702</v>
      </c>
      <c r="BT27" s="199">
        <v>70.228999999999999</v>
      </c>
      <c r="BU27" s="199">
        <v>16.952999999999999</v>
      </c>
      <c r="BV27" s="199">
        <v>88.885000000000005</v>
      </c>
      <c r="BW27" s="200">
        <v>14.74</v>
      </c>
      <c r="BX27" s="200">
        <v>1.53</v>
      </c>
      <c r="BY27" s="200">
        <v>1.74</v>
      </c>
      <c r="BZ27" s="200">
        <v>1.82</v>
      </c>
      <c r="CA27" s="201">
        <v>41199</v>
      </c>
      <c r="CB27" s="114">
        <v>15067</v>
      </c>
      <c r="CC27" s="114">
        <v>7311</v>
      </c>
      <c r="CD27" s="115">
        <v>17617</v>
      </c>
    </row>
    <row r="28" spans="1:82" s="11" customFormat="1" ht="14.4" customHeight="1" x14ac:dyDescent="0.15">
      <c r="A28" s="188" t="s">
        <v>115</v>
      </c>
      <c r="B28" s="114">
        <v>31931</v>
      </c>
      <c r="C28" s="114">
        <v>465191</v>
      </c>
      <c r="D28" s="114">
        <v>19204438</v>
      </c>
      <c r="E28" s="114">
        <v>1308701</v>
      </c>
      <c r="F28" s="114">
        <v>2042416</v>
      </c>
      <c r="G28" s="189">
        <v>20097031</v>
      </c>
      <c r="H28" s="114">
        <v>314014</v>
      </c>
      <c r="I28" s="114">
        <v>559513</v>
      </c>
      <c r="J28" s="114">
        <v>4136045</v>
      </c>
      <c r="K28" s="114">
        <v>1654646</v>
      </c>
      <c r="L28" s="114">
        <v>3067120</v>
      </c>
      <c r="M28" s="114">
        <v>43437515</v>
      </c>
      <c r="N28" s="114">
        <v>950933</v>
      </c>
      <c r="O28" s="114">
        <v>1148046</v>
      </c>
      <c r="P28" s="115">
        <v>11129837</v>
      </c>
      <c r="Q28" s="188" t="s">
        <v>115</v>
      </c>
      <c r="R28" s="190">
        <v>30223</v>
      </c>
      <c r="S28" s="191">
        <v>1195601</v>
      </c>
      <c r="T28" s="192">
        <v>792485</v>
      </c>
      <c r="U28" s="190">
        <v>5835</v>
      </c>
      <c r="V28" s="191">
        <v>38883</v>
      </c>
      <c r="W28" s="191">
        <v>437502</v>
      </c>
      <c r="X28" s="114">
        <v>2611414</v>
      </c>
      <c r="Y28" s="114">
        <v>55797339</v>
      </c>
      <c r="Z28" s="193">
        <v>354</v>
      </c>
      <c r="AA28" s="114">
        <v>1878</v>
      </c>
      <c r="AB28" s="114">
        <v>34631</v>
      </c>
      <c r="AC28" s="114">
        <v>1223</v>
      </c>
      <c r="AD28" s="114">
        <v>44370</v>
      </c>
      <c r="AE28" s="114">
        <v>51602</v>
      </c>
      <c r="AF28" s="114">
        <v>371749</v>
      </c>
      <c r="AG28" s="114">
        <v>4782</v>
      </c>
      <c r="AH28" s="115">
        <v>146483</v>
      </c>
      <c r="AI28" s="188" t="s">
        <v>115</v>
      </c>
      <c r="AJ28" s="114">
        <v>2845</v>
      </c>
      <c r="AK28" s="114">
        <v>36739</v>
      </c>
      <c r="AL28" s="114">
        <v>4</v>
      </c>
      <c r="AM28" s="114">
        <v>101</v>
      </c>
      <c r="AN28" s="114">
        <v>62334</v>
      </c>
      <c r="AO28" s="114">
        <v>634073</v>
      </c>
      <c r="AP28" s="114">
        <v>3</v>
      </c>
      <c r="AQ28" s="115">
        <v>280</v>
      </c>
      <c r="AR28" s="114">
        <v>2674105</v>
      </c>
      <c r="AS28" s="115">
        <v>56431692</v>
      </c>
      <c r="AT28" s="194">
        <v>41344466</v>
      </c>
      <c r="AU28" s="114">
        <v>13381315</v>
      </c>
      <c r="AV28" s="114">
        <v>1705911</v>
      </c>
      <c r="AW28" s="195">
        <v>110699</v>
      </c>
      <c r="AX28" s="115">
        <v>5443248</v>
      </c>
      <c r="AY28" s="194">
        <v>174</v>
      </c>
      <c r="AZ28" s="115">
        <v>6338</v>
      </c>
      <c r="BA28" s="188" t="s">
        <v>115</v>
      </c>
      <c r="BB28" s="194">
        <v>534</v>
      </c>
      <c r="BC28" s="114">
        <v>217445</v>
      </c>
      <c r="BD28" s="196" t="s">
        <v>82</v>
      </c>
      <c r="BE28" s="196" t="s">
        <v>82</v>
      </c>
      <c r="BF28" s="114">
        <v>847</v>
      </c>
      <c r="BG28" s="114">
        <v>42350</v>
      </c>
      <c r="BH28" s="114">
        <v>0</v>
      </c>
      <c r="BI28" s="114">
        <v>0</v>
      </c>
      <c r="BJ28" s="114">
        <v>0</v>
      </c>
      <c r="BK28" s="114">
        <v>0</v>
      </c>
      <c r="BL28" s="114">
        <v>1</v>
      </c>
      <c r="BM28" s="189">
        <v>600</v>
      </c>
      <c r="BN28" s="194">
        <v>1382</v>
      </c>
      <c r="BO28" s="114">
        <v>260395</v>
      </c>
      <c r="BP28" s="193">
        <v>2675487</v>
      </c>
      <c r="BQ28" s="115">
        <v>56692087</v>
      </c>
      <c r="BR28" s="188" t="s">
        <v>115</v>
      </c>
      <c r="BS28" s="198">
        <v>1.7549999999999999</v>
      </c>
      <c r="BT28" s="199">
        <v>71.923000000000002</v>
      </c>
      <c r="BU28" s="199">
        <v>17.257000000000001</v>
      </c>
      <c r="BV28" s="199">
        <v>90.935000000000002</v>
      </c>
      <c r="BW28" s="200">
        <v>14.57</v>
      </c>
      <c r="BX28" s="200">
        <v>1.56</v>
      </c>
      <c r="BY28" s="200">
        <v>1.78</v>
      </c>
      <c r="BZ28" s="200">
        <v>1.85</v>
      </c>
      <c r="CA28" s="201">
        <v>42986</v>
      </c>
      <c r="CB28" s="114">
        <v>15289</v>
      </c>
      <c r="CC28" s="114">
        <v>7392</v>
      </c>
      <c r="CD28" s="115">
        <v>17964</v>
      </c>
    </row>
    <row r="29" spans="1:82" s="11" customFormat="1" ht="14.4" customHeight="1" x14ac:dyDescent="0.15">
      <c r="A29" s="188" t="s">
        <v>116</v>
      </c>
      <c r="B29" s="114">
        <v>31330</v>
      </c>
      <c r="C29" s="114">
        <v>452707</v>
      </c>
      <c r="D29" s="114">
        <v>18709229</v>
      </c>
      <c r="E29" s="114">
        <v>1310548</v>
      </c>
      <c r="F29" s="114">
        <v>2017716</v>
      </c>
      <c r="G29" s="189">
        <v>19513146</v>
      </c>
      <c r="H29" s="114">
        <v>317312</v>
      </c>
      <c r="I29" s="114">
        <v>561697</v>
      </c>
      <c r="J29" s="114">
        <v>4146750</v>
      </c>
      <c r="K29" s="114">
        <v>1659190</v>
      </c>
      <c r="L29" s="114">
        <v>3032120</v>
      </c>
      <c r="M29" s="114">
        <v>42369125</v>
      </c>
      <c r="N29" s="114">
        <v>955913</v>
      </c>
      <c r="O29" s="114">
        <v>1140793</v>
      </c>
      <c r="P29" s="115">
        <v>10818137</v>
      </c>
      <c r="Q29" s="188" t="s">
        <v>116</v>
      </c>
      <c r="R29" s="190">
        <v>29669</v>
      </c>
      <c r="S29" s="191">
        <v>1158737</v>
      </c>
      <c r="T29" s="192">
        <v>768598</v>
      </c>
      <c r="U29" s="190">
        <v>6066</v>
      </c>
      <c r="V29" s="191">
        <v>39398</v>
      </c>
      <c r="W29" s="191">
        <v>446638</v>
      </c>
      <c r="X29" s="114">
        <v>2621169</v>
      </c>
      <c r="Y29" s="114">
        <v>54402498</v>
      </c>
      <c r="Z29" s="193">
        <v>382</v>
      </c>
      <c r="AA29" s="114">
        <v>2678</v>
      </c>
      <c r="AB29" s="114">
        <v>37502</v>
      </c>
      <c r="AC29" s="114">
        <v>1241</v>
      </c>
      <c r="AD29" s="114">
        <v>46562</v>
      </c>
      <c r="AE29" s="114">
        <v>51599</v>
      </c>
      <c r="AF29" s="114">
        <v>372701</v>
      </c>
      <c r="AG29" s="114">
        <v>4674</v>
      </c>
      <c r="AH29" s="115">
        <v>146246</v>
      </c>
      <c r="AI29" s="188" t="s">
        <v>116</v>
      </c>
      <c r="AJ29" s="114">
        <v>2946</v>
      </c>
      <c r="AK29" s="114">
        <v>39788</v>
      </c>
      <c r="AL29" s="114">
        <v>0</v>
      </c>
      <c r="AM29" s="114">
        <v>0</v>
      </c>
      <c r="AN29" s="114">
        <v>63138</v>
      </c>
      <c r="AO29" s="114">
        <v>642799</v>
      </c>
      <c r="AP29" s="114">
        <v>2</v>
      </c>
      <c r="AQ29" s="115">
        <v>73</v>
      </c>
      <c r="AR29" s="114">
        <v>2684691</v>
      </c>
      <c r="AS29" s="115">
        <v>55045370</v>
      </c>
      <c r="AT29" s="194">
        <v>40331378</v>
      </c>
      <c r="AU29" s="114">
        <v>13051539</v>
      </c>
      <c r="AV29" s="114">
        <v>1662453</v>
      </c>
      <c r="AW29" s="195">
        <v>112163</v>
      </c>
      <c r="AX29" s="115">
        <v>5796718</v>
      </c>
      <c r="AY29" s="194">
        <v>71</v>
      </c>
      <c r="AZ29" s="115">
        <v>2089</v>
      </c>
      <c r="BA29" s="188" t="s">
        <v>116</v>
      </c>
      <c r="BB29" s="194">
        <v>512</v>
      </c>
      <c r="BC29" s="114">
        <v>207842</v>
      </c>
      <c r="BD29" s="196" t="s">
        <v>82</v>
      </c>
      <c r="BE29" s="196" t="s">
        <v>82</v>
      </c>
      <c r="BF29" s="114">
        <v>861</v>
      </c>
      <c r="BG29" s="114">
        <v>43070</v>
      </c>
      <c r="BH29" s="114">
        <v>0</v>
      </c>
      <c r="BI29" s="114">
        <v>0</v>
      </c>
      <c r="BJ29" s="114">
        <v>0</v>
      </c>
      <c r="BK29" s="114">
        <v>0</v>
      </c>
      <c r="BL29" s="114">
        <v>1</v>
      </c>
      <c r="BM29" s="189">
        <v>600</v>
      </c>
      <c r="BN29" s="194">
        <v>1374</v>
      </c>
      <c r="BO29" s="114">
        <v>251512</v>
      </c>
      <c r="BP29" s="193">
        <v>2686065</v>
      </c>
      <c r="BQ29" s="115">
        <v>55296882</v>
      </c>
      <c r="BR29" s="188" t="s">
        <v>116</v>
      </c>
      <c r="BS29" s="198">
        <v>1.7290000000000001</v>
      </c>
      <c r="BT29" s="199">
        <v>72.323999999999998</v>
      </c>
      <c r="BU29" s="199">
        <v>17.510999999999999</v>
      </c>
      <c r="BV29" s="199">
        <v>91.563999999999993</v>
      </c>
      <c r="BW29" s="200">
        <v>14.45</v>
      </c>
      <c r="BX29" s="200">
        <v>1.54</v>
      </c>
      <c r="BY29" s="200">
        <v>1.77</v>
      </c>
      <c r="BZ29" s="200">
        <v>1.83</v>
      </c>
      <c r="CA29" s="201">
        <v>43025</v>
      </c>
      <c r="CB29" s="114">
        <v>15032</v>
      </c>
      <c r="CC29" s="114">
        <v>7383</v>
      </c>
      <c r="CD29" s="115">
        <v>17712</v>
      </c>
    </row>
    <row r="30" spans="1:82" s="11" customFormat="1" ht="14.4" customHeight="1" x14ac:dyDescent="0.15">
      <c r="A30" s="188" t="s">
        <v>117</v>
      </c>
      <c r="B30" s="114">
        <v>30722</v>
      </c>
      <c r="C30" s="114">
        <v>459218</v>
      </c>
      <c r="D30" s="114">
        <v>18898319</v>
      </c>
      <c r="E30" s="114">
        <v>1339758</v>
      </c>
      <c r="F30" s="114">
        <v>2045534</v>
      </c>
      <c r="G30" s="189">
        <v>19772434</v>
      </c>
      <c r="H30" s="114">
        <v>323394</v>
      </c>
      <c r="I30" s="114">
        <v>559965</v>
      </c>
      <c r="J30" s="114">
        <v>4151719</v>
      </c>
      <c r="K30" s="114">
        <v>1693874</v>
      </c>
      <c r="L30" s="114">
        <v>3064717</v>
      </c>
      <c r="M30" s="114">
        <v>42822472</v>
      </c>
      <c r="N30" s="114">
        <v>990192</v>
      </c>
      <c r="O30" s="114">
        <v>1182353</v>
      </c>
      <c r="P30" s="115">
        <v>11647763</v>
      </c>
      <c r="Q30" s="188" t="s">
        <v>117</v>
      </c>
      <c r="R30" s="190">
        <v>29012</v>
      </c>
      <c r="S30" s="191">
        <v>1181780</v>
      </c>
      <c r="T30" s="192">
        <v>783800</v>
      </c>
      <c r="U30" s="190">
        <v>6062</v>
      </c>
      <c r="V30" s="191">
        <v>38770</v>
      </c>
      <c r="W30" s="191">
        <v>443558</v>
      </c>
      <c r="X30" s="114">
        <v>2690128</v>
      </c>
      <c r="Y30" s="114">
        <v>55697593</v>
      </c>
      <c r="Z30" s="193">
        <v>333</v>
      </c>
      <c r="AA30" s="114">
        <v>3272</v>
      </c>
      <c r="AB30" s="114">
        <v>49233</v>
      </c>
      <c r="AC30" s="114">
        <v>1216</v>
      </c>
      <c r="AD30" s="114">
        <v>46145</v>
      </c>
      <c r="AE30" s="114">
        <v>50759</v>
      </c>
      <c r="AF30" s="114">
        <v>369663</v>
      </c>
      <c r="AG30" s="114">
        <v>4661</v>
      </c>
      <c r="AH30" s="115">
        <v>150255</v>
      </c>
      <c r="AI30" s="188" t="s">
        <v>117</v>
      </c>
      <c r="AJ30" s="114">
        <v>2950</v>
      </c>
      <c r="AK30" s="114">
        <v>40767</v>
      </c>
      <c r="AL30" s="114">
        <v>7</v>
      </c>
      <c r="AM30" s="114">
        <v>233</v>
      </c>
      <c r="AN30" s="114">
        <v>62865</v>
      </c>
      <c r="AO30" s="114">
        <v>656296</v>
      </c>
      <c r="AP30" s="114">
        <v>3</v>
      </c>
      <c r="AQ30" s="115">
        <v>125</v>
      </c>
      <c r="AR30" s="114">
        <v>2753329</v>
      </c>
      <c r="AS30" s="115">
        <v>56354015</v>
      </c>
      <c r="AT30" s="194">
        <v>41292526</v>
      </c>
      <c r="AU30" s="114">
        <v>13570204</v>
      </c>
      <c r="AV30" s="114">
        <v>1491285</v>
      </c>
      <c r="AW30" s="195">
        <v>112041</v>
      </c>
      <c r="AX30" s="115">
        <v>5866633</v>
      </c>
      <c r="AY30" s="194">
        <v>113</v>
      </c>
      <c r="AZ30" s="115">
        <v>2014</v>
      </c>
      <c r="BA30" s="188" t="s">
        <v>117</v>
      </c>
      <c r="BB30" s="194">
        <v>536</v>
      </c>
      <c r="BC30" s="114">
        <v>218642</v>
      </c>
      <c r="BD30" s="196" t="s">
        <v>82</v>
      </c>
      <c r="BE30" s="196" t="s">
        <v>82</v>
      </c>
      <c r="BF30" s="114">
        <v>910</v>
      </c>
      <c r="BG30" s="114">
        <v>45500</v>
      </c>
      <c r="BH30" s="114">
        <v>0</v>
      </c>
      <c r="BI30" s="114">
        <v>0</v>
      </c>
      <c r="BJ30" s="114">
        <v>0</v>
      </c>
      <c r="BK30" s="114">
        <v>0</v>
      </c>
      <c r="BL30" s="114">
        <v>0</v>
      </c>
      <c r="BM30" s="189">
        <v>0</v>
      </c>
      <c r="BN30" s="194">
        <v>1446</v>
      </c>
      <c r="BO30" s="114">
        <v>264142</v>
      </c>
      <c r="BP30" s="193">
        <v>2754775</v>
      </c>
      <c r="BQ30" s="115">
        <v>56618157</v>
      </c>
      <c r="BR30" s="188" t="s">
        <v>117</v>
      </c>
      <c r="BS30" s="198">
        <v>1.702</v>
      </c>
      <c r="BT30" s="199">
        <v>74.216999999999999</v>
      </c>
      <c r="BU30" s="199">
        <v>17.914999999999999</v>
      </c>
      <c r="BV30" s="199">
        <v>93.834000000000003</v>
      </c>
      <c r="BW30" s="200">
        <v>14.95</v>
      </c>
      <c r="BX30" s="200">
        <v>1.53</v>
      </c>
      <c r="BY30" s="200">
        <v>1.73</v>
      </c>
      <c r="BZ30" s="200">
        <v>1.81</v>
      </c>
      <c r="CA30" s="201">
        <v>42860</v>
      </c>
      <c r="CB30" s="114">
        <v>15360</v>
      </c>
      <c r="CC30" s="114">
        <v>7414</v>
      </c>
      <c r="CD30" s="115">
        <v>17947</v>
      </c>
    </row>
    <row r="31" spans="1:82" s="11" customFormat="1" ht="14.4" customHeight="1" x14ac:dyDescent="0.15">
      <c r="A31" s="202" t="s">
        <v>118</v>
      </c>
      <c r="B31" s="114">
        <v>30103</v>
      </c>
      <c r="C31" s="114">
        <v>458289</v>
      </c>
      <c r="D31" s="114">
        <v>18675567</v>
      </c>
      <c r="E31" s="114">
        <v>1257788</v>
      </c>
      <c r="F31" s="114">
        <v>1883021</v>
      </c>
      <c r="G31" s="189">
        <v>19182948</v>
      </c>
      <c r="H31" s="114">
        <v>301165</v>
      </c>
      <c r="I31" s="114">
        <v>520418</v>
      </c>
      <c r="J31" s="114">
        <v>3811661</v>
      </c>
      <c r="K31" s="114">
        <v>1589056</v>
      </c>
      <c r="L31" s="114">
        <v>2861728</v>
      </c>
      <c r="M31" s="114">
        <v>41670176</v>
      </c>
      <c r="N31" s="114">
        <v>924111</v>
      </c>
      <c r="O31" s="114">
        <v>1077204</v>
      </c>
      <c r="P31" s="115">
        <v>10610499</v>
      </c>
      <c r="Q31" s="202" t="s">
        <v>119</v>
      </c>
      <c r="R31" s="190">
        <v>28468</v>
      </c>
      <c r="S31" s="191">
        <v>1170423</v>
      </c>
      <c r="T31" s="192">
        <v>776404</v>
      </c>
      <c r="U31" s="190">
        <v>6379</v>
      </c>
      <c r="V31" s="191">
        <v>40152</v>
      </c>
      <c r="W31" s="191">
        <v>460904</v>
      </c>
      <c r="X31" s="114">
        <v>2519546</v>
      </c>
      <c r="Y31" s="114">
        <v>53517984</v>
      </c>
      <c r="Z31" s="193">
        <v>370</v>
      </c>
      <c r="AA31" s="114">
        <v>3466</v>
      </c>
      <c r="AB31" s="114">
        <v>74170</v>
      </c>
      <c r="AC31" s="114">
        <v>1162</v>
      </c>
      <c r="AD31" s="114">
        <v>47126</v>
      </c>
      <c r="AE31" s="114">
        <v>49163</v>
      </c>
      <c r="AF31" s="114">
        <v>354140</v>
      </c>
      <c r="AG31" s="114">
        <v>4746</v>
      </c>
      <c r="AH31" s="115">
        <v>149307</v>
      </c>
      <c r="AI31" s="202" t="s">
        <v>118</v>
      </c>
      <c r="AJ31" s="114">
        <v>2765</v>
      </c>
      <c r="AK31" s="114">
        <v>37780</v>
      </c>
      <c r="AL31" s="114">
        <v>16</v>
      </c>
      <c r="AM31" s="114">
        <v>-208</v>
      </c>
      <c r="AN31" s="114">
        <v>61318</v>
      </c>
      <c r="AO31" s="114">
        <v>662315</v>
      </c>
      <c r="AP31" s="114">
        <v>2</v>
      </c>
      <c r="AQ31" s="115">
        <v>88</v>
      </c>
      <c r="AR31" s="114">
        <v>2581236</v>
      </c>
      <c r="AS31" s="115">
        <v>54180387</v>
      </c>
      <c r="AT31" s="194">
        <v>39696979</v>
      </c>
      <c r="AU31" s="114">
        <v>12852775</v>
      </c>
      <c r="AV31" s="114">
        <v>1630633</v>
      </c>
      <c r="AW31" s="195">
        <v>111648</v>
      </c>
      <c r="AX31" s="115">
        <v>5730009</v>
      </c>
      <c r="AY31" s="194">
        <v>76</v>
      </c>
      <c r="AZ31" s="115">
        <v>622</v>
      </c>
      <c r="BA31" s="202" t="s">
        <v>119</v>
      </c>
      <c r="BB31" s="194">
        <v>520</v>
      </c>
      <c r="BC31" s="114">
        <v>211642</v>
      </c>
      <c r="BD31" s="196" t="s">
        <v>82</v>
      </c>
      <c r="BE31" s="196" t="s">
        <v>82</v>
      </c>
      <c r="BF31" s="114">
        <v>1000</v>
      </c>
      <c r="BG31" s="114">
        <v>50050</v>
      </c>
      <c r="BH31" s="114">
        <v>0</v>
      </c>
      <c r="BI31" s="114">
        <v>0</v>
      </c>
      <c r="BJ31" s="114">
        <v>0</v>
      </c>
      <c r="BK31" s="114">
        <v>0</v>
      </c>
      <c r="BL31" s="114">
        <v>0</v>
      </c>
      <c r="BM31" s="189">
        <v>0</v>
      </c>
      <c r="BN31" s="194">
        <v>1520</v>
      </c>
      <c r="BO31" s="114">
        <v>261692</v>
      </c>
      <c r="BP31" s="193">
        <v>2582756</v>
      </c>
      <c r="BQ31" s="115">
        <v>54442079</v>
      </c>
      <c r="BR31" s="202" t="s">
        <v>120</v>
      </c>
      <c r="BS31" s="198">
        <v>1.6739999999999999</v>
      </c>
      <c r="BT31" s="199">
        <v>69.932000000000002</v>
      </c>
      <c r="BU31" s="199">
        <v>16.745000000000001</v>
      </c>
      <c r="BV31" s="199">
        <v>88.350999999999999</v>
      </c>
      <c r="BW31" s="200">
        <v>15.22</v>
      </c>
      <c r="BX31" s="200">
        <v>1.5</v>
      </c>
      <c r="BY31" s="200">
        <v>1.73</v>
      </c>
      <c r="BZ31" s="200">
        <v>1.8</v>
      </c>
      <c r="CA31" s="201">
        <v>42445</v>
      </c>
      <c r="CB31" s="114">
        <v>15822</v>
      </c>
      <c r="CC31" s="114">
        <v>7324</v>
      </c>
      <c r="CD31" s="115">
        <v>18443</v>
      </c>
    </row>
    <row r="32" spans="1:82" s="11" customFormat="1" ht="14.4" customHeight="1" thickBot="1" x14ac:dyDescent="0.2">
      <c r="A32" s="203" t="s">
        <v>121</v>
      </c>
      <c r="B32" s="204">
        <v>30182</v>
      </c>
      <c r="C32" s="205">
        <v>433416</v>
      </c>
      <c r="D32" s="130">
        <v>17541835</v>
      </c>
      <c r="E32" s="205">
        <v>1261674</v>
      </c>
      <c r="F32" s="205">
        <v>1887078</v>
      </c>
      <c r="G32" s="206">
        <v>18323179</v>
      </c>
      <c r="H32" s="205">
        <v>296639</v>
      </c>
      <c r="I32" s="205">
        <v>515405</v>
      </c>
      <c r="J32" s="130">
        <v>3834534</v>
      </c>
      <c r="K32" s="205">
        <v>1588495</v>
      </c>
      <c r="L32" s="205">
        <v>2835899</v>
      </c>
      <c r="M32" s="130">
        <v>39699548</v>
      </c>
      <c r="N32" s="205">
        <v>942499</v>
      </c>
      <c r="O32" s="205">
        <v>1101176</v>
      </c>
      <c r="P32" s="131">
        <v>10882404</v>
      </c>
      <c r="Q32" s="203" t="s">
        <v>122</v>
      </c>
      <c r="R32" s="207">
        <v>28603</v>
      </c>
      <c r="S32" s="208">
        <v>1112860</v>
      </c>
      <c r="T32" s="209">
        <v>738778</v>
      </c>
      <c r="U32" s="207">
        <v>6174</v>
      </c>
      <c r="V32" s="208">
        <v>37918</v>
      </c>
      <c r="W32" s="210">
        <v>437318</v>
      </c>
      <c r="X32" s="205">
        <v>2537168</v>
      </c>
      <c r="Y32" s="130">
        <v>51758048</v>
      </c>
      <c r="Z32" s="211">
        <v>496</v>
      </c>
      <c r="AA32" s="205">
        <v>3859</v>
      </c>
      <c r="AB32" s="130">
        <v>65659</v>
      </c>
      <c r="AC32" s="205">
        <v>1327</v>
      </c>
      <c r="AD32" s="130">
        <v>49088</v>
      </c>
      <c r="AE32" s="205">
        <v>47005</v>
      </c>
      <c r="AF32" s="130">
        <v>326793</v>
      </c>
      <c r="AG32" s="205">
        <v>4974</v>
      </c>
      <c r="AH32" s="131">
        <v>152345</v>
      </c>
      <c r="AI32" s="203" t="s">
        <v>123</v>
      </c>
      <c r="AJ32" s="205">
        <v>3202</v>
      </c>
      <c r="AK32" s="130">
        <v>43031</v>
      </c>
      <c r="AL32" s="205">
        <v>34</v>
      </c>
      <c r="AM32" s="130">
        <v>444</v>
      </c>
      <c r="AN32" s="205">
        <v>60401</v>
      </c>
      <c r="AO32" s="130">
        <v>637360</v>
      </c>
      <c r="AP32" s="205">
        <v>5</v>
      </c>
      <c r="AQ32" s="131">
        <v>165</v>
      </c>
      <c r="AR32" s="205">
        <v>2598070</v>
      </c>
      <c r="AS32" s="131">
        <v>52395573</v>
      </c>
      <c r="AT32" s="212">
        <v>38407873</v>
      </c>
      <c r="AU32" s="130">
        <v>12376543</v>
      </c>
      <c r="AV32" s="130">
        <v>1611157</v>
      </c>
      <c r="AW32" s="213">
        <v>122798</v>
      </c>
      <c r="AX32" s="131">
        <v>5805521</v>
      </c>
      <c r="AY32" s="214">
        <v>348</v>
      </c>
      <c r="AZ32" s="131">
        <v>6010</v>
      </c>
      <c r="BA32" s="203" t="s">
        <v>124</v>
      </c>
      <c r="BB32" s="214">
        <v>621</v>
      </c>
      <c r="BC32" s="130">
        <v>248318</v>
      </c>
      <c r="BD32" s="215" t="s">
        <v>82</v>
      </c>
      <c r="BE32" s="215" t="s">
        <v>82</v>
      </c>
      <c r="BF32" s="205">
        <v>1184</v>
      </c>
      <c r="BG32" s="130">
        <v>59200</v>
      </c>
      <c r="BH32" s="205">
        <v>0</v>
      </c>
      <c r="BI32" s="130">
        <v>0</v>
      </c>
      <c r="BJ32" s="205">
        <v>0</v>
      </c>
      <c r="BK32" s="130">
        <v>0</v>
      </c>
      <c r="BL32" s="205">
        <v>0</v>
      </c>
      <c r="BM32" s="206">
        <v>0</v>
      </c>
      <c r="BN32" s="214">
        <v>1805</v>
      </c>
      <c r="BO32" s="130">
        <v>307518</v>
      </c>
      <c r="BP32" s="211">
        <v>2599875</v>
      </c>
      <c r="BQ32" s="131">
        <v>52703091</v>
      </c>
      <c r="BR32" s="203" t="s">
        <v>124</v>
      </c>
      <c r="BS32" s="216">
        <v>1.6839999999999999</v>
      </c>
      <c r="BT32" s="217">
        <v>70.381</v>
      </c>
      <c r="BU32" s="217">
        <v>16.547999999999998</v>
      </c>
      <c r="BV32" s="217">
        <v>88.611999999999995</v>
      </c>
      <c r="BW32" s="218">
        <v>14.36</v>
      </c>
      <c r="BX32" s="218">
        <v>1.5</v>
      </c>
      <c r="BY32" s="218">
        <v>1.74</v>
      </c>
      <c r="BZ32" s="218">
        <v>1.79</v>
      </c>
      <c r="CA32" s="219">
        <v>42178</v>
      </c>
      <c r="CB32" s="205">
        <v>15477</v>
      </c>
      <c r="CC32" s="205">
        <v>7440</v>
      </c>
      <c r="CD32" s="220">
        <v>18010</v>
      </c>
    </row>
    <row r="33" spans="1:83" s="171" customFormat="1" ht="12" customHeight="1" thickBot="1" x14ac:dyDescent="0.2">
      <c r="A33" s="221" t="s">
        <v>125</v>
      </c>
      <c r="B33" s="159"/>
      <c r="C33" s="159"/>
      <c r="D33" s="159"/>
      <c r="E33" s="159"/>
      <c r="F33" s="159"/>
      <c r="G33" s="159"/>
      <c r="H33" s="159"/>
      <c r="I33" s="159"/>
      <c r="J33" s="159"/>
      <c r="K33" s="159"/>
      <c r="L33" s="159"/>
      <c r="M33" s="159"/>
      <c r="N33" s="160"/>
      <c r="O33" s="159"/>
      <c r="P33" s="159"/>
      <c r="Q33" s="221" t="s">
        <v>125</v>
      </c>
      <c r="R33" s="159"/>
      <c r="S33" s="159"/>
      <c r="T33" s="162"/>
      <c r="U33" s="162"/>
      <c r="V33" s="162"/>
      <c r="W33" s="162"/>
      <c r="X33" s="162"/>
      <c r="Y33" s="159"/>
      <c r="Z33" s="159"/>
      <c r="AA33" s="159"/>
      <c r="AB33" s="159"/>
      <c r="AC33" s="159"/>
      <c r="AD33" s="159"/>
      <c r="AE33" s="159"/>
      <c r="AF33" s="159"/>
      <c r="AG33" s="159"/>
      <c r="AH33" s="159"/>
      <c r="AI33" s="221" t="s">
        <v>125</v>
      </c>
      <c r="AJ33" s="159"/>
      <c r="AK33" s="159"/>
      <c r="AL33" s="159"/>
      <c r="AM33" s="159"/>
      <c r="AN33" s="159"/>
      <c r="AO33" s="159"/>
      <c r="AP33" s="165"/>
      <c r="AQ33" s="165"/>
      <c r="AR33" s="159"/>
      <c r="AS33" s="159"/>
      <c r="AT33" s="159"/>
      <c r="AU33" s="159"/>
      <c r="AV33" s="159"/>
      <c r="AW33" s="159"/>
      <c r="AX33" s="159"/>
      <c r="AY33" s="159"/>
      <c r="AZ33" s="159"/>
      <c r="BA33" s="221" t="s">
        <v>125</v>
      </c>
      <c r="BB33" s="159"/>
      <c r="BC33" s="159"/>
      <c r="BD33" s="167"/>
      <c r="BE33" s="167"/>
      <c r="BF33" s="159"/>
      <c r="BG33" s="159"/>
      <c r="BH33" s="159"/>
      <c r="BI33" s="159"/>
      <c r="BJ33" s="159"/>
      <c r="BK33" s="159"/>
      <c r="BL33" s="159"/>
      <c r="BM33" s="159"/>
      <c r="BN33" s="159"/>
      <c r="BO33" s="159"/>
      <c r="BP33" s="159"/>
      <c r="BQ33" s="159"/>
      <c r="BR33" s="221" t="s">
        <v>125</v>
      </c>
      <c r="BS33" s="168"/>
      <c r="BT33" s="168"/>
      <c r="BU33" s="168"/>
      <c r="BV33" s="168"/>
      <c r="BW33" s="169"/>
      <c r="BX33" s="169"/>
      <c r="BY33" s="169"/>
      <c r="BZ33" s="169"/>
      <c r="CA33" s="170"/>
      <c r="CB33" s="159"/>
      <c r="CC33" s="159"/>
      <c r="CD33" s="159"/>
    </row>
    <row r="34" spans="1:83" s="223" customFormat="1" ht="15" customHeight="1" thickBot="1" x14ac:dyDescent="0.2">
      <c r="A34" s="222" t="s">
        <v>126</v>
      </c>
      <c r="B34" s="173">
        <v>14041</v>
      </c>
      <c r="C34" s="173">
        <v>135334</v>
      </c>
      <c r="D34" s="173">
        <v>8048578</v>
      </c>
      <c r="E34" s="173">
        <v>825370</v>
      </c>
      <c r="F34" s="173">
        <v>1164751</v>
      </c>
      <c r="G34" s="174">
        <v>10056662</v>
      </c>
      <c r="H34" s="173">
        <v>210075</v>
      </c>
      <c r="I34" s="173">
        <v>359866</v>
      </c>
      <c r="J34" s="173">
        <v>2669605</v>
      </c>
      <c r="K34" s="173">
        <v>1049486</v>
      </c>
      <c r="L34" s="173">
        <v>1659951</v>
      </c>
      <c r="M34" s="173">
        <v>20774846</v>
      </c>
      <c r="N34" s="173">
        <v>580627</v>
      </c>
      <c r="O34" s="173">
        <v>684743</v>
      </c>
      <c r="P34" s="175">
        <v>5954872</v>
      </c>
      <c r="Q34" s="222" t="s">
        <v>126</v>
      </c>
      <c r="R34" s="176">
        <v>12861</v>
      </c>
      <c r="S34" s="173">
        <v>307324</v>
      </c>
      <c r="T34" s="174">
        <v>206265</v>
      </c>
      <c r="U34" s="176">
        <v>1270</v>
      </c>
      <c r="V34" s="173">
        <v>7644</v>
      </c>
      <c r="W34" s="173">
        <v>88726</v>
      </c>
      <c r="X34" s="173">
        <v>1631383</v>
      </c>
      <c r="Y34" s="173">
        <v>27024709</v>
      </c>
      <c r="Z34" s="177">
        <v>104</v>
      </c>
      <c r="AA34" s="173">
        <v>837</v>
      </c>
      <c r="AB34" s="173">
        <v>9308</v>
      </c>
      <c r="AC34" s="173">
        <v>794</v>
      </c>
      <c r="AD34" s="173">
        <v>30352</v>
      </c>
      <c r="AE34" s="173">
        <v>49179</v>
      </c>
      <c r="AF34" s="173">
        <v>314723</v>
      </c>
      <c r="AG34" s="173">
        <v>812</v>
      </c>
      <c r="AH34" s="175">
        <v>23566</v>
      </c>
      <c r="AI34" s="222" t="s">
        <v>126</v>
      </c>
      <c r="AJ34" s="173">
        <v>1006</v>
      </c>
      <c r="AK34" s="173">
        <v>13460</v>
      </c>
      <c r="AL34" s="173">
        <v>1</v>
      </c>
      <c r="AM34" s="173">
        <v>61</v>
      </c>
      <c r="AN34" s="173">
        <v>52629</v>
      </c>
      <c r="AO34" s="173">
        <v>391469</v>
      </c>
      <c r="AP34" s="173">
        <v>4</v>
      </c>
      <c r="AQ34" s="175">
        <v>175</v>
      </c>
      <c r="AR34" s="173">
        <v>1684120</v>
      </c>
      <c r="AS34" s="175">
        <v>27416353</v>
      </c>
      <c r="AT34" s="178">
        <v>19593303</v>
      </c>
      <c r="AU34" s="179">
        <v>6883607</v>
      </c>
      <c r="AV34" s="173">
        <v>939443</v>
      </c>
      <c r="AW34" s="180">
        <v>21252</v>
      </c>
      <c r="AX34" s="175">
        <v>2072888</v>
      </c>
      <c r="AY34" s="176">
        <v>5</v>
      </c>
      <c r="AZ34" s="175">
        <v>60</v>
      </c>
      <c r="BA34" s="222" t="s">
        <v>126</v>
      </c>
      <c r="BB34" s="176">
        <v>1156</v>
      </c>
      <c r="BC34" s="173">
        <v>481224</v>
      </c>
      <c r="BD34" s="183" t="s">
        <v>82</v>
      </c>
      <c r="BE34" s="183" t="s">
        <v>82</v>
      </c>
      <c r="BF34" s="173">
        <v>234</v>
      </c>
      <c r="BG34" s="173">
        <v>22530</v>
      </c>
      <c r="BH34" s="173">
        <v>3881</v>
      </c>
      <c r="BI34" s="173">
        <v>272991</v>
      </c>
      <c r="BJ34" s="173">
        <v>32</v>
      </c>
      <c r="BK34" s="173">
        <v>12099</v>
      </c>
      <c r="BL34" s="173">
        <v>10686</v>
      </c>
      <c r="BM34" s="174">
        <v>331765</v>
      </c>
      <c r="BN34" s="176">
        <v>15989</v>
      </c>
      <c r="BO34" s="173">
        <v>1120608</v>
      </c>
      <c r="BP34" s="184">
        <v>1700109</v>
      </c>
      <c r="BQ34" s="175">
        <v>28536962</v>
      </c>
      <c r="BR34" s="222" t="s">
        <v>126</v>
      </c>
      <c r="BS34" s="185">
        <v>10.564</v>
      </c>
      <c r="BT34" s="186">
        <v>621.00900000000001</v>
      </c>
      <c r="BU34" s="186">
        <v>158.06</v>
      </c>
      <c r="BV34" s="186">
        <v>7566.634</v>
      </c>
      <c r="BW34" s="187">
        <v>9.64</v>
      </c>
      <c r="BX34" s="187">
        <v>1.41</v>
      </c>
      <c r="BY34" s="187">
        <v>1.71</v>
      </c>
      <c r="BZ34" s="187">
        <v>1.58</v>
      </c>
      <c r="CA34" s="173">
        <v>60996</v>
      </c>
      <c r="CB34" s="173">
        <v>13747</v>
      </c>
      <c r="CC34" s="173">
        <v>7418</v>
      </c>
      <c r="CD34" s="175">
        <v>16206</v>
      </c>
    </row>
    <row r="35" spans="1:83" s="223" customFormat="1" ht="14.4" customHeight="1" thickTop="1" x14ac:dyDescent="0.15">
      <c r="A35" s="188" t="s">
        <v>108</v>
      </c>
      <c r="B35" s="114">
        <v>1183</v>
      </c>
      <c r="C35" s="114">
        <v>11618</v>
      </c>
      <c r="D35" s="114">
        <v>674435</v>
      </c>
      <c r="E35" s="114">
        <v>71034</v>
      </c>
      <c r="F35" s="114">
        <v>101548</v>
      </c>
      <c r="G35" s="189">
        <v>859952</v>
      </c>
      <c r="H35" s="114">
        <v>18023</v>
      </c>
      <c r="I35" s="114">
        <v>31371</v>
      </c>
      <c r="J35" s="114">
        <v>229333</v>
      </c>
      <c r="K35" s="114">
        <v>90240</v>
      </c>
      <c r="L35" s="114">
        <v>144537</v>
      </c>
      <c r="M35" s="114">
        <v>1763720</v>
      </c>
      <c r="N35" s="114">
        <v>50237</v>
      </c>
      <c r="O35" s="114">
        <v>60045</v>
      </c>
      <c r="P35" s="115">
        <v>509811</v>
      </c>
      <c r="Q35" s="188" t="s">
        <v>108</v>
      </c>
      <c r="R35" s="190">
        <v>1095</v>
      </c>
      <c r="S35" s="191">
        <v>26452</v>
      </c>
      <c r="T35" s="192">
        <v>17429</v>
      </c>
      <c r="U35" s="190">
        <v>99</v>
      </c>
      <c r="V35" s="191">
        <v>712</v>
      </c>
      <c r="W35" s="191">
        <v>7772</v>
      </c>
      <c r="X35" s="114">
        <v>140576</v>
      </c>
      <c r="Y35" s="114">
        <v>2298733</v>
      </c>
      <c r="Z35" s="193">
        <v>1</v>
      </c>
      <c r="AA35" s="114">
        <v>77</v>
      </c>
      <c r="AB35" s="114">
        <v>681</v>
      </c>
      <c r="AC35" s="114">
        <v>66</v>
      </c>
      <c r="AD35" s="114">
        <v>2285</v>
      </c>
      <c r="AE35" s="114">
        <v>4053</v>
      </c>
      <c r="AF35" s="114">
        <v>25289</v>
      </c>
      <c r="AG35" s="114">
        <v>80</v>
      </c>
      <c r="AH35" s="115">
        <v>2286</v>
      </c>
      <c r="AI35" s="188" t="s">
        <v>108</v>
      </c>
      <c r="AJ35" s="114">
        <v>92</v>
      </c>
      <c r="AK35" s="114">
        <v>1100</v>
      </c>
      <c r="AL35" s="114">
        <v>0</v>
      </c>
      <c r="AM35" s="114">
        <v>0</v>
      </c>
      <c r="AN35" s="114">
        <v>4368</v>
      </c>
      <c r="AO35" s="114">
        <v>31642</v>
      </c>
      <c r="AP35" s="114">
        <v>1</v>
      </c>
      <c r="AQ35" s="115">
        <v>45</v>
      </c>
      <c r="AR35" s="114">
        <v>144946</v>
      </c>
      <c r="AS35" s="115">
        <v>2330420</v>
      </c>
      <c r="AT35" s="194">
        <v>1662685</v>
      </c>
      <c r="AU35" s="114">
        <v>588564</v>
      </c>
      <c r="AV35" s="114">
        <v>79171</v>
      </c>
      <c r="AW35" s="195">
        <v>1803</v>
      </c>
      <c r="AX35" s="115">
        <v>170085</v>
      </c>
      <c r="AY35" s="194">
        <v>0</v>
      </c>
      <c r="AZ35" s="115">
        <v>0</v>
      </c>
      <c r="BA35" s="188" t="s">
        <v>108</v>
      </c>
      <c r="BB35" s="194">
        <v>70</v>
      </c>
      <c r="BC35" s="114">
        <v>30271</v>
      </c>
      <c r="BD35" s="196" t="s">
        <v>82</v>
      </c>
      <c r="BE35" s="196" t="s">
        <v>82</v>
      </c>
      <c r="BF35" s="114">
        <v>21</v>
      </c>
      <c r="BG35" s="114">
        <v>1660</v>
      </c>
      <c r="BH35" s="114">
        <v>364</v>
      </c>
      <c r="BI35" s="114">
        <v>25920</v>
      </c>
      <c r="BJ35" s="114">
        <v>3</v>
      </c>
      <c r="BK35" s="114">
        <v>1054</v>
      </c>
      <c r="BL35" s="114">
        <v>889</v>
      </c>
      <c r="BM35" s="189">
        <v>28604</v>
      </c>
      <c r="BN35" s="194">
        <v>1347</v>
      </c>
      <c r="BO35" s="114">
        <v>87509</v>
      </c>
      <c r="BP35" s="193">
        <v>146293</v>
      </c>
      <c r="BQ35" s="115">
        <v>2417929</v>
      </c>
      <c r="BR35" s="188" t="s">
        <v>108</v>
      </c>
      <c r="BS35" s="198">
        <v>0.877</v>
      </c>
      <c r="BT35" s="199">
        <v>52.65</v>
      </c>
      <c r="BU35" s="199">
        <v>13.359</v>
      </c>
      <c r="BV35" s="199">
        <v>637.39300000000003</v>
      </c>
      <c r="BW35" s="200">
        <v>9.82</v>
      </c>
      <c r="BX35" s="200">
        <v>1.43</v>
      </c>
      <c r="BY35" s="200">
        <v>1.74</v>
      </c>
      <c r="BZ35" s="200">
        <v>1.6</v>
      </c>
      <c r="CA35" s="201">
        <v>59551</v>
      </c>
      <c r="CB35" s="114">
        <v>13489</v>
      </c>
      <c r="CC35" s="114">
        <v>7310</v>
      </c>
      <c r="CD35" s="115">
        <v>15826</v>
      </c>
    </row>
    <row r="36" spans="1:83" s="223" customFormat="1" ht="14.4" customHeight="1" x14ac:dyDescent="0.15">
      <c r="A36" s="188" t="s">
        <v>110</v>
      </c>
      <c r="B36" s="114">
        <v>1111</v>
      </c>
      <c r="C36" s="114">
        <v>11089</v>
      </c>
      <c r="D36" s="114">
        <v>638842</v>
      </c>
      <c r="E36" s="114">
        <v>68133</v>
      </c>
      <c r="F36" s="114">
        <v>95713</v>
      </c>
      <c r="G36" s="189">
        <v>838481</v>
      </c>
      <c r="H36" s="114">
        <v>17516</v>
      </c>
      <c r="I36" s="114">
        <v>29955</v>
      </c>
      <c r="J36" s="114">
        <v>215645</v>
      </c>
      <c r="K36" s="114">
        <v>86760</v>
      </c>
      <c r="L36" s="114">
        <v>136757</v>
      </c>
      <c r="M36" s="114">
        <v>1692968</v>
      </c>
      <c r="N36" s="114">
        <v>46995</v>
      </c>
      <c r="O36" s="114">
        <v>54990</v>
      </c>
      <c r="P36" s="115">
        <v>476074</v>
      </c>
      <c r="Q36" s="188" t="s">
        <v>110</v>
      </c>
      <c r="R36" s="190">
        <v>1023</v>
      </c>
      <c r="S36" s="191">
        <v>25096</v>
      </c>
      <c r="T36" s="192">
        <v>16755</v>
      </c>
      <c r="U36" s="190">
        <v>101</v>
      </c>
      <c r="V36" s="191">
        <v>703</v>
      </c>
      <c r="W36" s="191">
        <v>8061</v>
      </c>
      <c r="X36" s="114">
        <v>133856</v>
      </c>
      <c r="Y36" s="114">
        <v>2193858</v>
      </c>
      <c r="Z36" s="193">
        <v>4</v>
      </c>
      <c r="AA36" s="114">
        <v>58</v>
      </c>
      <c r="AB36" s="114">
        <v>581</v>
      </c>
      <c r="AC36" s="114">
        <v>48</v>
      </c>
      <c r="AD36" s="114">
        <v>2072</v>
      </c>
      <c r="AE36" s="114">
        <v>4087</v>
      </c>
      <c r="AF36" s="114">
        <v>25909</v>
      </c>
      <c r="AG36" s="114">
        <v>67</v>
      </c>
      <c r="AH36" s="115">
        <v>1854</v>
      </c>
      <c r="AI36" s="188" t="s">
        <v>110</v>
      </c>
      <c r="AJ36" s="114">
        <v>88</v>
      </c>
      <c r="AK36" s="114">
        <v>1173</v>
      </c>
      <c r="AL36" s="114">
        <v>0</v>
      </c>
      <c r="AM36" s="114">
        <v>0</v>
      </c>
      <c r="AN36" s="114">
        <v>4348</v>
      </c>
      <c r="AO36" s="114">
        <v>31589</v>
      </c>
      <c r="AP36" s="114">
        <v>0</v>
      </c>
      <c r="AQ36" s="115">
        <v>0</v>
      </c>
      <c r="AR36" s="114">
        <v>138208</v>
      </c>
      <c r="AS36" s="115">
        <v>2225447</v>
      </c>
      <c r="AT36" s="194">
        <v>1589438</v>
      </c>
      <c r="AU36" s="114">
        <v>559847</v>
      </c>
      <c r="AV36" s="114">
        <v>76163</v>
      </c>
      <c r="AW36" s="195">
        <v>1710</v>
      </c>
      <c r="AX36" s="115">
        <v>172494</v>
      </c>
      <c r="AY36" s="194">
        <v>0</v>
      </c>
      <c r="AZ36" s="115">
        <v>0</v>
      </c>
      <c r="BA36" s="188" t="s">
        <v>110</v>
      </c>
      <c r="BB36" s="194">
        <v>116</v>
      </c>
      <c r="BC36" s="114">
        <v>47220</v>
      </c>
      <c r="BD36" s="196" t="s">
        <v>82</v>
      </c>
      <c r="BE36" s="196" t="s">
        <v>82</v>
      </c>
      <c r="BF36" s="114">
        <v>15</v>
      </c>
      <c r="BG36" s="114">
        <v>1520</v>
      </c>
      <c r="BH36" s="114">
        <v>300</v>
      </c>
      <c r="BI36" s="114">
        <v>20630</v>
      </c>
      <c r="BJ36" s="114">
        <v>0</v>
      </c>
      <c r="BK36" s="114">
        <v>0</v>
      </c>
      <c r="BL36" s="114">
        <v>784</v>
      </c>
      <c r="BM36" s="189">
        <v>23485</v>
      </c>
      <c r="BN36" s="194">
        <v>1215</v>
      </c>
      <c r="BO36" s="114">
        <v>92855</v>
      </c>
      <c r="BP36" s="193">
        <v>139423</v>
      </c>
      <c r="BQ36" s="115">
        <v>2318302</v>
      </c>
      <c r="BR36" s="188" t="s">
        <v>110</v>
      </c>
      <c r="BS36" s="198">
        <v>0.82299999999999995</v>
      </c>
      <c r="BT36" s="199">
        <v>50.494999999999997</v>
      </c>
      <c r="BU36" s="199">
        <v>12.981999999999999</v>
      </c>
      <c r="BV36" s="199">
        <v>621.41899999999998</v>
      </c>
      <c r="BW36" s="200">
        <v>9.98</v>
      </c>
      <c r="BX36" s="200">
        <v>1.4</v>
      </c>
      <c r="BY36" s="200">
        <v>1.71</v>
      </c>
      <c r="BZ36" s="200">
        <v>1.58</v>
      </c>
      <c r="CA36" s="201">
        <v>59121</v>
      </c>
      <c r="CB36" s="114">
        <v>13734</v>
      </c>
      <c r="CC36" s="114">
        <v>7199</v>
      </c>
      <c r="CD36" s="115">
        <v>15960</v>
      </c>
    </row>
    <row r="37" spans="1:83" s="223" customFormat="1" ht="14.4" customHeight="1" x14ac:dyDescent="0.15">
      <c r="A37" s="188" t="s">
        <v>111</v>
      </c>
      <c r="B37" s="114">
        <v>1149</v>
      </c>
      <c r="C37" s="114">
        <v>10967</v>
      </c>
      <c r="D37" s="114">
        <v>663644</v>
      </c>
      <c r="E37" s="114">
        <v>69429</v>
      </c>
      <c r="F37" s="114">
        <v>98801</v>
      </c>
      <c r="G37" s="189">
        <v>829743</v>
      </c>
      <c r="H37" s="114">
        <v>18256</v>
      </c>
      <c r="I37" s="114">
        <v>31614</v>
      </c>
      <c r="J37" s="114">
        <v>234179</v>
      </c>
      <c r="K37" s="114">
        <v>88834</v>
      </c>
      <c r="L37" s="114">
        <v>141382</v>
      </c>
      <c r="M37" s="114">
        <v>1727566</v>
      </c>
      <c r="N37" s="114">
        <v>47497</v>
      </c>
      <c r="O37" s="114">
        <v>55977</v>
      </c>
      <c r="P37" s="115">
        <v>474894</v>
      </c>
      <c r="Q37" s="188" t="s">
        <v>111</v>
      </c>
      <c r="R37" s="190">
        <v>1070</v>
      </c>
      <c r="S37" s="191">
        <v>25785</v>
      </c>
      <c r="T37" s="192">
        <v>17192</v>
      </c>
      <c r="U37" s="190">
        <v>104</v>
      </c>
      <c r="V37" s="191">
        <v>694</v>
      </c>
      <c r="W37" s="191">
        <v>7948</v>
      </c>
      <c r="X37" s="114">
        <v>136435</v>
      </c>
      <c r="Y37" s="114">
        <v>2227600</v>
      </c>
      <c r="Z37" s="193">
        <v>16</v>
      </c>
      <c r="AA37" s="114">
        <v>46</v>
      </c>
      <c r="AB37" s="114">
        <v>359</v>
      </c>
      <c r="AC37" s="114">
        <v>80</v>
      </c>
      <c r="AD37" s="114">
        <v>3339</v>
      </c>
      <c r="AE37" s="114">
        <v>4172</v>
      </c>
      <c r="AF37" s="114">
        <v>26875</v>
      </c>
      <c r="AG37" s="114">
        <v>61</v>
      </c>
      <c r="AH37" s="115">
        <v>1676</v>
      </c>
      <c r="AI37" s="188" t="s">
        <v>111</v>
      </c>
      <c r="AJ37" s="114">
        <v>73</v>
      </c>
      <c r="AK37" s="114">
        <v>1073</v>
      </c>
      <c r="AL37" s="114">
        <v>0</v>
      </c>
      <c r="AM37" s="114">
        <v>0</v>
      </c>
      <c r="AN37" s="114">
        <v>4432</v>
      </c>
      <c r="AO37" s="114">
        <v>33322</v>
      </c>
      <c r="AP37" s="114">
        <v>0</v>
      </c>
      <c r="AQ37" s="115">
        <v>0</v>
      </c>
      <c r="AR37" s="114">
        <v>140883</v>
      </c>
      <c r="AS37" s="115">
        <v>2260922</v>
      </c>
      <c r="AT37" s="194">
        <v>1615320</v>
      </c>
      <c r="AU37" s="114">
        <v>566993</v>
      </c>
      <c r="AV37" s="114">
        <v>78609</v>
      </c>
      <c r="AW37" s="195">
        <v>1835</v>
      </c>
      <c r="AX37" s="115">
        <v>169576</v>
      </c>
      <c r="AY37" s="194">
        <v>0</v>
      </c>
      <c r="AZ37" s="115">
        <v>0</v>
      </c>
      <c r="BA37" s="188" t="s">
        <v>111</v>
      </c>
      <c r="BB37" s="194">
        <v>89</v>
      </c>
      <c r="BC37" s="114">
        <v>36746</v>
      </c>
      <c r="BD37" s="196" t="s">
        <v>82</v>
      </c>
      <c r="BE37" s="196" t="s">
        <v>82</v>
      </c>
      <c r="BF37" s="114">
        <v>18</v>
      </c>
      <c r="BG37" s="114">
        <v>1680</v>
      </c>
      <c r="BH37" s="114">
        <v>346</v>
      </c>
      <c r="BI37" s="114">
        <v>24686</v>
      </c>
      <c r="BJ37" s="114">
        <v>4</v>
      </c>
      <c r="BK37" s="114">
        <v>1607</v>
      </c>
      <c r="BL37" s="114">
        <v>920</v>
      </c>
      <c r="BM37" s="189">
        <v>28235</v>
      </c>
      <c r="BN37" s="194">
        <v>1377</v>
      </c>
      <c r="BO37" s="114">
        <v>92954</v>
      </c>
      <c r="BP37" s="193">
        <v>142260</v>
      </c>
      <c r="BQ37" s="115">
        <v>2353877</v>
      </c>
      <c r="BR37" s="188" t="s">
        <v>111</v>
      </c>
      <c r="BS37" s="198">
        <v>0.85299999999999998</v>
      </c>
      <c r="BT37" s="199">
        <v>51.552999999999997</v>
      </c>
      <c r="BU37" s="199">
        <v>13.555</v>
      </c>
      <c r="BV37" s="199">
        <v>616.10299999999995</v>
      </c>
      <c r="BW37" s="200">
        <v>9.5399999999999991</v>
      </c>
      <c r="BX37" s="200">
        <v>1.42</v>
      </c>
      <c r="BY37" s="200">
        <v>1.73</v>
      </c>
      <c r="BZ37" s="200">
        <v>1.59</v>
      </c>
      <c r="CA37" s="201">
        <v>62080</v>
      </c>
      <c r="CB37" s="114">
        <v>13205</v>
      </c>
      <c r="CC37" s="114">
        <v>7407</v>
      </c>
      <c r="CD37" s="115">
        <v>15679</v>
      </c>
    </row>
    <row r="38" spans="1:83" s="223" customFormat="1" ht="14.4" customHeight="1" x14ac:dyDescent="0.15">
      <c r="A38" s="188" t="s">
        <v>112</v>
      </c>
      <c r="B38" s="114">
        <v>1274</v>
      </c>
      <c r="C38" s="114">
        <v>11844</v>
      </c>
      <c r="D38" s="114">
        <v>706586</v>
      </c>
      <c r="E38" s="114">
        <v>72447</v>
      </c>
      <c r="F38" s="114">
        <v>105627</v>
      </c>
      <c r="G38" s="189">
        <v>902596</v>
      </c>
      <c r="H38" s="114">
        <v>18574</v>
      </c>
      <c r="I38" s="114">
        <v>32975</v>
      </c>
      <c r="J38" s="114">
        <v>237855</v>
      </c>
      <c r="K38" s="114">
        <v>92295</v>
      </c>
      <c r="L38" s="114">
        <v>150446</v>
      </c>
      <c r="M38" s="114">
        <v>1847037</v>
      </c>
      <c r="N38" s="114">
        <v>50406</v>
      </c>
      <c r="O38" s="114">
        <v>60552</v>
      </c>
      <c r="P38" s="115">
        <v>515210</v>
      </c>
      <c r="Q38" s="188" t="s">
        <v>112</v>
      </c>
      <c r="R38" s="190">
        <v>1165</v>
      </c>
      <c r="S38" s="191">
        <v>26292</v>
      </c>
      <c r="T38" s="192">
        <v>17749</v>
      </c>
      <c r="U38" s="190">
        <v>108</v>
      </c>
      <c r="V38" s="191">
        <v>726</v>
      </c>
      <c r="W38" s="191">
        <v>8352</v>
      </c>
      <c r="X38" s="114">
        <v>142809</v>
      </c>
      <c r="Y38" s="114">
        <v>2388348</v>
      </c>
      <c r="Z38" s="193">
        <v>3</v>
      </c>
      <c r="AA38" s="114">
        <v>85</v>
      </c>
      <c r="AB38" s="114">
        <v>1496</v>
      </c>
      <c r="AC38" s="114">
        <v>66</v>
      </c>
      <c r="AD38" s="114">
        <v>2618</v>
      </c>
      <c r="AE38" s="114">
        <v>4301</v>
      </c>
      <c r="AF38" s="114">
        <v>28139</v>
      </c>
      <c r="AG38" s="114">
        <v>62</v>
      </c>
      <c r="AH38" s="115">
        <v>1858</v>
      </c>
      <c r="AI38" s="188" t="s">
        <v>112</v>
      </c>
      <c r="AJ38" s="114">
        <v>94</v>
      </c>
      <c r="AK38" s="114">
        <v>958</v>
      </c>
      <c r="AL38" s="114">
        <v>0</v>
      </c>
      <c r="AM38" s="114">
        <v>0</v>
      </c>
      <c r="AN38" s="114">
        <v>4608</v>
      </c>
      <c r="AO38" s="114">
        <v>35069</v>
      </c>
      <c r="AP38" s="114">
        <v>0</v>
      </c>
      <c r="AQ38" s="115">
        <v>0</v>
      </c>
      <c r="AR38" s="114">
        <v>147420</v>
      </c>
      <c r="AS38" s="115">
        <v>2423417</v>
      </c>
      <c r="AT38" s="194">
        <v>1728986</v>
      </c>
      <c r="AU38" s="114">
        <v>609558</v>
      </c>
      <c r="AV38" s="114">
        <v>84873</v>
      </c>
      <c r="AW38" s="195">
        <v>1781</v>
      </c>
      <c r="AX38" s="115">
        <v>168299</v>
      </c>
      <c r="AY38" s="194">
        <v>0</v>
      </c>
      <c r="AZ38" s="115">
        <v>0</v>
      </c>
      <c r="BA38" s="188" t="s">
        <v>112</v>
      </c>
      <c r="BB38" s="194">
        <v>81</v>
      </c>
      <c r="BC38" s="114">
        <v>33881</v>
      </c>
      <c r="BD38" s="196" t="s">
        <v>82</v>
      </c>
      <c r="BE38" s="196" t="s">
        <v>82</v>
      </c>
      <c r="BF38" s="114">
        <v>14</v>
      </c>
      <c r="BG38" s="114">
        <v>1630</v>
      </c>
      <c r="BH38" s="114">
        <v>360</v>
      </c>
      <c r="BI38" s="114">
        <v>28422</v>
      </c>
      <c r="BJ38" s="114">
        <v>1</v>
      </c>
      <c r="BK38" s="114">
        <v>250</v>
      </c>
      <c r="BL38" s="114">
        <v>887</v>
      </c>
      <c r="BM38" s="189">
        <v>28656</v>
      </c>
      <c r="BN38" s="194">
        <v>1343</v>
      </c>
      <c r="BO38" s="114">
        <v>92838</v>
      </c>
      <c r="BP38" s="193">
        <v>148763</v>
      </c>
      <c r="BQ38" s="115">
        <v>2516255</v>
      </c>
      <c r="BR38" s="188" t="s">
        <v>112</v>
      </c>
      <c r="BS38" s="198">
        <v>0.94799999999999995</v>
      </c>
      <c r="BT38" s="199">
        <v>53.886000000000003</v>
      </c>
      <c r="BU38" s="199">
        <v>13.815</v>
      </c>
      <c r="BV38" s="199">
        <v>671.35</v>
      </c>
      <c r="BW38" s="200">
        <v>9.3000000000000007</v>
      </c>
      <c r="BX38" s="200">
        <v>1.46</v>
      </c>
      <c r="BY38" s="200">
        <v>1.78</v>
      </c>
      <c r="BZ38" s="200">
        <v>1.63</v>
      </c>
      <c r="CA38" s="201">
        <v>61156</v>
      </c>
      <c r="CB38" s="114">
        <v>13423</v>
      </c>
      <c r="CC38" s="114">
        <v>7213</v>
      </c>
      <c r="CD38" s="115">
        <v>15799</v>
      </c>
    </row>
    <row r="39" spans="1:83" s="223" customFormat="1" ht="14.4" customHeight="1" x14ac:dyDescent="0.15">
      <c r="A39" s="188" t="s">
        <v>113</v>
      </c>
      <c r="B39" s="114">
        <v>1272</v>
      </c>
      <c r="C39" s="114">
        <v>11659</v>
      </c>
      <c r="D39" s="114">
        <v>676255</v>
      </c>
      <c r="E39" s="114">
        <v>65775</v>
      </c>
      <c r="F39" s="114">
        <v>91704</v>
      </c>
      <c r="G39" s="189">
        <v>818047</v>
      </c>
      <c r="H39" s="114">
        <v>16917</v>
      </c>
      <c r="I39" s="114">
        <v>27804</v>
      </c>
      <c r="J39" s="114">
        <v>209175</v>
      </c>
      <c r="K39" s="114">
        <v>83964</v>
      </c>
      <c r="L39" s="114">
        <v>131167</v>
      </c>
      <c r="M39" s="114">
        <v>1703477</v>
      </c>
      <c r="N39" s="114">
        <v>45073</v>
      </c>
      <c r="O39" s="114">
        <v>52651</v>
      </c>
      <c r="P39" s="115">
        <v>466224</v>
      </c>
      <c r="Q39" s="188" t="s">
        <v>113</v>
      </c>
      <c r="R39" s="190">
        <v>1169</v>
      </c>
      <c r="S39" s="191">
        <v>24084</v>
      </c>
      <c r="T39" s="192">
        <v>17507</v>
      </c>
      <c r="U39" s="190">
        <v>76</v>
      </c>
      <c r="V39" s="191">
        <v>408</v>
      </c>
      <c r="W39" s="191">
        <v>3751</v>
      </c>
      <c r="X39" s="114">
        <v>129113</v>
      </c>
      <c r="Y39" s="114">
        <v>2190960</v>
      </c>
      <c r="Z39" s="193">
        <v>11</v>
      </c>
      <c r="AA39" s="114">
        <v>59</v>
      </c>
      <c r="AB39" s="114">
        <v>550</v>
      </c>
      <c r="AC39" s="114">
        <v>70</v>
      </c>
      <c r="AD39" s="114">
        <v>2344</v>
      </c>
      <c r="AE39" s="114">
        <v>4436</v>
      </c>
      <c r="AF39" s="114">
        <v>28293</v>
      </c>
      <c r="AG39" s="114">
        <v>71</v>
      </c>
      <c r="AH39" s="115">
        <v>2111</v>
      </c>
      <c r="AI39" s="188" t="s">
        <v>113</v>
      </c>
      <c r="AJ39" s="114">
        <v>78</v>
      </c>
      <c r="AK39" s="114">
        <v>1001</v>
      </c>
      <c r="AL39" s="114">
        <v>0</v>
      </c>
      <c r="AM39" s="114">
        <v>0</v>
      </c>
      <c r="AN39" s="114">
        <v>4714</v>
      </c>
      <c r="AO39" s="114">
        <v>34299</v>
      </c>
      <c r="AP39" s="114">
        <v>0</v>
      </c>
      <c r="AQ39" s="115">
        <v>0</v>
      </c>
      <c r="AR39" s="114">
        <v>133838</v>
      </c>
      <c r="AS39" s="115">
        <v>2225259</v>
      </c>
      <c r="AT39" s="194">
        <v>1590287</v>
      </c>
      <c r="AU39" s="114">
        <v>561346</v>
      </c>
      <c r="AV39" s="114">
        <v>73626</v>
      </c>
      <c r="AW39" s="195">
        <v>1570</v>
      </c>
      <c r="AX39" s="115">
        <v>164861</v>
      </c>
      <c r="AY39" s="194">
        <v>0</v>
      </c>
      <c r="AZ39" s="115">
        <v>0</v>
      </c>
      <c r="BA39" s="188" t="s">
        <v>113</v>
      </c>
      <c r="BB39" s="194">
        <v>80</v>
      </c>
      <c r="BC39" s="114">
        <v>33416</v>
      </c>
      <c r="BD39" s="196" t="s">
        <v>82</v>
      </c>
      <c r="BE39" s="196" t="s">
        <v>82</v>
      </c>
      <c r="BF39" s="114">
        <v>11</v>
      </c>
      <c r="BG39" s="114">
        <v>950</v>
      </c>
      <c r="BH39" s="114">
        <v>310</v>
      </c>
      <c r="BI39" s="114">
        <v>22853</v>
      </c>
      <c r="BJ39" s="114">
        <v>3</v>
      </c>
      <c r="BK39" s="114">
        <v>1205</v>
      </c>
      <c r="BL39" s="114">
        <v>796</v>
      </c>
      <c r="BM39" s="189">
        <v>24085</v>
      </c>
      <c r="BN39" s="194">
        <v>1200</v>
      </c>
      <c r="BO39" s="114">
        <v>82509</v>
      </c>
      <c r="BP39" s="193">
        <v>135038</v>
      </c>
      <c r="BQ39" s="115">
        <v>2307768</v>
      </c>
      <c r="BR39" s="188" t="s">
        <v>113</v>
      </c>
      <c r="BS39" s="198">
        <v>0.94699999999999995</v>
      </c>
      <c r="BT39" s="199">
        <v>48.957000000000001</v>
      </c>
      <c r="BU39" s="199">
        <v>12.590999999999999</v>
      </c>
      <c r="BV39" s="199">
        <v>608.87900000000002</v>
      </c>
      <c r="BW39" s="200">
        <v>9.17</v>
      </c>
      <c r="BX39" s="200">
        <v>1.39</v>
      </c>
      <c r="BY39" s="200">
        <v>1.64</v>
      </c>
      <c r="BZ39" s="200">
        <v>1.56</v>
      </c>
      <c r="CA39" s="201">
        <v>59504</v>
      </c>
      <c r="CB39" s="114">
        <v>14005</v>
      </c>
      <c r="CC39" s="114">
        <v>7523</v>
      </c>
      <c r="CD39" s="115">
        <v>16652</v>
      </c>
    </row>
    <row r="40" spans="1:83" s="223" customFormat="1" ht="14.4" customHeight="1" x14ac:dyDescent="0.15">
      <c r="A40" s="188" t="s">
        <v>114</v>
      </c>
      <c r="B40" s="114">
        <v>1175</v>
      </c>
      <c r="C40" s="114">
        <v>11535</v>
      </c>
      <c r="D40" s="114">
        <v>697230</v>
      </c>
      <c r="E40" s="114">
        <v>66541</v>
      </c>
      <c r="F40" s="114">
        <v>93672</v>
      </c>
      <c r="G40" s="189">
        <v>813945</v>
      </c>
      <c r="H40" s="114">
        <v>16929</v>
      </c>
      <c r="I40" s="114">
        <v>28531</v>
      </c>
      <c r="J40" s="114">
        <v>209091</v>
      </c>
      <c r="K40" s="114">
        <v>84645</v>
      </c>
      <c r="L40" s="114">
        <v>133738</v>
      </c>
      <c r="M40" s="114">
        <v>1720266</v>
      </c>
      <c r="N40" s="114">
        <v>46072</v>
      </c>
      <c r="O40" s="114">
        <v>54159</v>
      </c>
      <c r="P40" s="115">
        <v>461894</v>
      </c>
      <c r="Q40" s="188" t="s">
        <v>114</v>
      </c>
      <c r="R40" s="190">
        <v>1074</v>
      </c>
      <c r="S40" s="191">
        <v>26547</v>
      </c>
      <c r="T40" s="192">
        <v>17799</v>
      </c>
      <c r="U40" s="190">
        <v>102</v>
      </c>
      <c r="V40" s="191">
        <v>553</v>
      </c>
      <c r="W40" s="191">
        <v>6598</v>
      </c>
      <c r="X40" s="114">
        <v>130819</v>
      </c>
      <c r="Y40" s="114">
        <v>2206558</v>
      </c>
      <c r="Z40" s="193">
        <v>4</v>
      </c>
      <c r="AA40" s="114">
        <v>73</v>
      </c>
      <c r="AB40" s="114">
        <v>706</v>
      </c>
      <c r="AC40" s="114">
        <v>71</v>
      </c>
      <c r="AD40" s="114">
        <v>2748</v>
      </c>
      <c r="AE40" s="114">
        <v>4424</v>
      </c>
      <c r="AF40" s="114">
        <v>28932</v>
      </c>
      <c r="AG40" s="114">
        <v>75</v>
      </c>
      <c r="AH40" s="115">
        <v>2147</v>
      </c>
      <c r="AI40" s="188" t="s">
        <v>114</v>
      </c>
      <c r="AJ40" s="114">
        <v>88</v>
      </c>
      <c r="AK40" s="114">
        <v>1039</v>
      </c>
      <c r="AL40" s="114">
        <v>0</v>
      </c>
      <c r="AM40" s="114">
        <v>0</v>
      </c>
      <c r="AN40" s="114">
        <v>4731</v>
      </c>
      <c r="AO40" s="114">
        <v>35572</v>
      </c>
      <c r="AP40" s="114">
        <v>0</v>
      </c>
      <c r="AQ40" s="115">
        <v>0</v>
      </c>
      <c r="AR40" s="114">
        <v>135554</v>
      </c>
      <c r="AS40" s="115">
        <v>2242130</v>
      </c>
      <c r="AT40" s="194">
        <v>1602660</v>
      </c>
      <c r="AU40" s="114">
        <v>564579</v>
      </c>
      <c r="AV40" s="114">
        <v>74890</v>
      </c>
      <c r="AW40" s="195">
        <v>1839</v>
      </c>
      <c r="AX40" s="115">
        <v>179820</v>
      </c>
      <c r="AY40" s="194">
        <v>0</v>
      </c>
      <c r="AZ40" s="115">
        <v>0</v>
      </c>
      <c r="BA40" s="188" t="s">
        <v>114</v>
      </c>
      <c r="BB40" s="194">
        <v>101</v>
      </c>
      <c r="BC40" s="114">
        <v>42345</v>
      </c>
      <c r="BD40" s="196" t="s">
        <v>82</v>
      </c>
      <c r="BE40" s="196" t="s">
        <v>82</v>
      </c>
      <c r="BF40" s="114">
        <v>20</v>
      </c>
      <c r="BG40" s="114">
        <v>1660</v>
      </c>
      <c r="BH40" s="114">
        <v>357</v>
      </c>
      <c r="BI40" s="114">
        <v>24255</v>
      </c>
      <c r="BJ40" s="114">
        <v>3</v>
      </c>
      <c r="BK40" s="114">
        <v>1205</v>
      </c>
      <c r="BL40" s="114">
        <v>894</v>
      </c>
      <c r="BM40" s="189">
        <v>27771</v>
      </c>
      <c r="BN40" s="194">
        <v>1375</v>
      </c>
      <c r="BO40" s="114">
        <v>97236</v>
      </c>
      <c r="BP40" s="193">
        <v>136929</v>
      </c>
      <c r="BQ40" s="115">
        <v>2339366</v>
      </c>
      <c r="BR40" s="188" t="s">
        <v>114</v>
      </c>
      <c r="BS40" s="198">
        <v>0.875</v>
      </c>
      <c r="BT40" s="199">
        <v>49.546999999999997</v>
      </c>
      <c r="BU40" s="199">
        <v>12.605</v>
      </c>
      <c r="BV40" s="199">
        <v>606.06500000000005</v>
      </c>
      <c r="BW40" s="200">
        <v>9.82</v>
      </c>
      <c r="BX40" s="200">
        <v>1.41</v>
      </c>
      <c r="BY40" s="200">
        <v>1.69</v>
      </c>
      <c r="BZ40" s="200">
        <v>1.58</v>
      </c>
      <c r="CA40" s="201">
        <v>61988</v>
      </c>
      <c r="CB40" s="114">
        <v>13620</v>
      </c>
      <c r="CC40" s="114">
        <v>7329</v>
      </c>
      <c r="CD40" s="115">
        <v>16431</v>
      </c>
    </row>
    <row r="41" spans="1:83" s="223" customFormat="1" ht="14.4" customHeight="1" x14ac:dyDescent="0.15">
      <c r="A41" s="188" t="s">
        <v>115</v>
      </c>
      <c r="B41" s="114">
        <v>1199</v>
      </c>
      <c r="C41" s="114">
        <v>11317</v>
      </c>
      <c r="D41" s="114">
        <v>683335</v>
      </c>
      <c r="E41" s="114">
        <v>68336</v>
      </c>
      <c r="F41" s="114">
        <v>98041</v>
      </c>
      <c r="G41" s="189">
        <v>841133</v>
      </c>
      <c r="H41" s="114">
        <v>16898</v>
      </c>
      <c r="I41" s="114">
        <v>29084</v>
      </c>
      <c r="J41" s="114">
        <v>219442</v>
      </c>
      <c r="K41" s="114">
        <v>86433</v>
      </c>
      <c r="L41" s="114">
        <v>138442</v>
      </c>
      <c r="M41" s="114">
        <v>1743910</v>
      </c>
      <c r="N41" s="114">
        <v>48027</v>
      </c>
      <c r="O41" s="114">
        <v>57267</v>
      </c>
      <c r="P41" s="115">
        <v>482810</v>
      </c>
      <c r="Q41" s="188" t="s">
        <v>115</v>
      </c>
      <c r="R41" s="190">
        <v>1103</v>
      </c>
      <c r="S41" s="191">
        <v>26071</v>
      </c>
      <c r="T41" s="192">
        <v>17362</v>
      </c>
      <c r="U41" s="190">
        <v>117</v>
      </c>
      <c r="V41" s="191">
        <v>748</v>
      </c>
      <c r="W41" s="191">
        <v>9507</v>
      </c>
      <c r="X41" s="114">
        <v>134577</v>
      </c>
      <c r="Y41" s="114">
        <v>2253589</v>
      </c>
      <c r="Z41" s="193">
        <v>18</v>
      </c>
      <c r="AA41" s="114">
        <v>62</v>
      </c>
      <c r="AB41" s="114">
        <v>677</v>
      </c>
      <c r="AC41" s="114">
        <v>87</v>
      </c>
      <c r="AD41" s="114">
        <v>2710</v>
      </c>
      <c r="AE41" s="114">
        <v>4145</v>
      </c>
      <c r="AF41" s="114">
        <v>26320</v>
      </c>
      <c r="AG41" s="114">
        <v>63</v>
      </c>
      <c r="AH41" s="115">
        <v>1895</v>
      </c>
      <c r="AI41" s="188" t="s">
        <v>115</v>
      </c>
      <c r="AJ41" s="114">
        <v>77</v>
      </c>
      <c r="AK41" s="114">
        <v>1058</v>
      </c>
      <c r="AL41" s="114">
        <v>0</v>
      </c>
      <c r="AM41" s="114">
        <v>0</v>
      </c>
      <c r="AN41" s="114">
        <v>4434</v>
      </c>
      <c r="AO41" s="114">
        <v>32659</v>
      </c>
      <c r="AP41" s="114">
        <v>2</v>
      </c>
      <c r="AQ41" s="115">
        <v>103</v>
      </c>
      <c r="AR41" s="114">
        <v>139031</v>
      </c>
      <c r="AS41" s="115">
        <v>2286351</v>
      </c>
      <c r="AT41" s="194">
        <v>1633892</v>
      </c>
      <c r="AU41" s="114">
        <v>574109</v>
      </c>
      <c r="AV41" s="114">
        <v>78350</v>
      </c>
      <c r="AW41" s="195">
        <v>1830</v>
      </c>
      <c r="AX41" s="115">
        <v>167250</v>
      </c>
      <c r="AY41" s="194">
        <v>0</v>
      </c>
      <c r="AZ41" s="115">
        <v>0</v>
      </c>
      <c r="BA41" s="188" t="s">
        <v>115</v>
      </c>
      <c r="BB41" s="194">
        <v>117</v>
      </c>
      <c r="BC41" s="114">
        <v>49320</v>
      </c>
      <c r="BD41" s="196" t="s">
        <v>82</v>
      </c>
      <c r="BE41" s="196" t="s">
        <v>82</v>
      </c>
      <c r="BF41" s="114">
        <v>22</v>
      </c>
      <c r="BG41" s="114">
        <v>2030</v>
      </c>
      <c r="BH41" s="114">
        <v>317</v>
      </c>
      <c r="BI41" s="114">
        <v>22394</v>
      </c>
      <c r="BJ41" s="114">
        <v>5</v>
      </c>
      <c r="BK41" s="114">
        <v>2009</v>
      </c>
      <c r="BL41" s="114">
        <v>969</v>
      </c>
      <c r="BM41" s="189">
        <v>31609</v>
      </c>
      <c r="BN41" s="194">
        <v>1430</v>
      </c>
      <c r="BO41" s="114">
        <v>107362</v>
      </c>
      <c r="BP41" s="193">
        <v>140461</v>
      </c>
      <c r="BQ41" s="115">
        <v>2393714</v>
      </c>
      <c r="BR41" s="188" t="s">
        <v>115</v>
      </c>
      <c r="BS41" s="198">
        <v>0.89400000000000002</v>
      </c>
      <c r="BT41" s="199">
        <v>50.945</v>
      </c>
      <c r="BU41" s="199">
        <v>12.598000000000001</v>
      </c>
      <c r="BV41" s="199">
        <v>627.07000000000005</v>
      </c>
      <c r="BW41" s="200">
        <v>9.44</v>
      </c>
      <c r="BX41" s="200">
        <v>1.43</v>
      </c>
      <c r="BY41" s="200">
        <v>1.72</v>
      </c>
      <c r="BZ41" s="200">
        <v>1.6</v>
      </c>
      <c r="CA41" s="201">
        <v>61915</v>
      </c>
      <c r="CB41" s="114">
        <v>13504</v>
      </c>
      <c r="CC41" s="114">
        <v>7545</v>
      </c>
      <c r="CD41" s="115">
        <v>16191</v>
      </c>
    </row>
    <row r="42" spans="1:83" s="223" customFormat="1" ht="14.4" customHeight="1" x14ac:dyDescent="0.15">
      <c r="A42" s="188" t="s">
        <v>116</v>
      </c>
      <c r="B42" s="114">
        <v>1169</v>
      </c>
      <c r="C42" s="114">
        <v>11347</v>
      </c>
      <c r="D42" s="114">
        <v>689166</v>
      </c>
      <c r="E42" s="114">
        <v>69095</v>
      </c>
      <c r="F42" s="114">
        <v>97854</v>
      </c>
      <c r="G42" s="189">
        <v>834154</v>
      </c>
      <c r="H42" s="114">
        <v>17412</v>
      </c>
      <c r="I42" s="114">
        <v>29636</v>
      </c>
      <c r="J42" s="114">
        <v>219312</v>
      </c>
      <c r="K42" s="114">
        <v>87676</v>
      </c>
      <c r="L42" s="114">
        <v>138837</v>
      </c>
      <c r="M42" s="114">
        <v>1742632</v>
      </c>
      <c r="N42" s="114">
        <v>49315</v>
      </c>
      <c r="O42" s="114">
        <v>58532</v>
      </c>
      <c r="P42" s="115">
        <v>487092</v>
      </c>
      <c r="Q42" s="188" t="s">
        <v>116</v>
      </c>
      <c r="R42" s="190">
        <v>1065</v>
      </c>
      <c r="S42" s="191">
        <v>25742</v>
      </c>
      <c r="T42" s="192">
        <v>17099</v>
      </c>
      <c r="U42" s="190">
        <v>107</v>
      </c>
      <c r="V42" s="191">
        <v>587</v>
      </c>
      <c r="W42" s="191">
        <v>6729</v>
      </c>
      <c r="X42" s="114">
        <v>137098</v>
      </c>
      <c r="Y42" s="114">
        <v>2253552</v>
      </c>
      <c r="Z42" s="193">
        <v>19</v>
      </c>
      <c r="AA42" s="114">
        <v>121</v>
      </c>
      <c r="AB42" s="114">
        <v>1281</v>
      </c>
      <c r="AC42" s="114">
        <v>54</v>
      </c>
      <c r="AD42" s="114">
        <v>2237</v>
      </c>
      <c r="AE42" s="114">
        <v>4014</v>
      </c>
      <c r="AF42" s="114">
        <v>25578</v>
      </c>
      <c r="AG42" s="114">
        <v>60</v>
      </c>
      <c r="AH42" s="115">
        <v>1552</v>
      </c>
      <c r="AI42" s="188" t="s">
        <v>116</v>
      </c>
      <c r="AJ42" s="114">
        <v>65</v>
      </c>
      <c r="AK42" s="114">
        <v>810</v>
      </c>
      <c r="AL42" s="114">
        <v>0</v>
      </c>
      <c r="AM42" s="114">
        <v>0</v>
      </c>
      <c r="AN42" s="114">
        <v>4314</v>
      </c>
      <c r="AO42" s="114">
        <v>31458</v>
      </c>
      <c r="AP42" s="114">
        <v>1</v>
      </c>
      <c r="AQ42" s="115">
        <v>27</v>
      </c>
      <c r="AR42" s="114">
        <v>141432</v>
      </c>
      <c r="AS42" s="115">
        <v>2285037</v>
      </c>
      <c r="AT42" s="194">
        <v>1634942</v>
      </c>
      <c r="AU42" s="114">
        <v>572198</v>
      </c>
      <c r="AV42" s="114">
        <v>77897</v>
      </c>
      <c r="AW42" s="195">
        <v>1709</v>
      </c>
      <c r="AX42" s="115">
        <v>178759</v>
      </c>
      <c r="AY42" s="194">
        <v>0</v>
      </c>
      <c r="AZ42" s="115">
        <v>0</v>
      </c>
      <c r="BA42" s="188" t="s">
        <v>116</v>
      </c>
      <c r="BB42" s="194">
        <v>96</v>
      </c>
      <c r="BC42" s="114">
        <v>39981</v>
      </c>
      <c r="BD42" s="196" t="s">
        <v>82</v>
      </c>
      <c r="BE42" s="196" t="s">
        <v>82</v>
      </c>
      <c r="BF42" s="114">
        <v>24</v>
      </c>
      <c r="BG42" s="114">
        <v>2250</v>
      </c>
      <c r="BH42" s="114">
        <v>311</v>
      </c>
      <c r="BI42" s="114">
        <v>18329</v>
      </c>
      <c r="BJ42" s="114">
        <v>3</v>
      </c>
      <c r="BK42" s="114">
        <v>902</v>
      </c>
      <c r="BL42" s="114">
        <v>879</v>
      </c>
      <c r="BM42" s="189">
        <v>27734</v>
      </c>
      <c r="BN42" s="194">
        <v>1313</v>
      </c>
      <c r="BO42" s="114">
        <v>89195</v>
      </c>
      <c r="BP42" s="193">
        <v>142745</v>
      </c>
      <c r="BQ42" s="115">
        <v>2374231</v>
      </c>
      <c r="BR42" s="188" t="s">
        <v>116</v>
      </c>
      <c r="BS42" s="198">
        <v>0.875</v>
      </c>
      <c r="BT42" s="199">
        <v>51.744</v>
      </c>
      <c r="BU42" s="199">
        <v>13.04</v>
      </c>
      <c r="BV42" s="199">
        <v>624.68499999999995</v>
      </c>
      <c r="BW42" s="200">
        <v>9.7100000000000009</v>
      </c>
      <c r="BX42" s="200">
        <v>1.42</v>
      </c>
      <c r="BY42" s="200">
        <v>1.7</v>
      </c>
      <c r="BZ42" s="200">
        <v>1.58</v>
      </c>
      <c r="CA42" s="201">
        <v>62242</v>
      </c>
      <c r="CB42" s="114">
        <v>13502</v>
      </c>
      <c r="CC42" s="114">
        <v>7400</v>
      </c>
      <c r="CD42" s="115">
        <v>16163</v>
      </c>
    </row>
    <row r="43" spans="1:83" s="223" customFormat="1" ht="14.4" customHeight="1" x14ac:dyDescent="0.15">
      <c r="A43" s="188" t="s">
        <v>117</v>
      </c>
      <c r="B43" s="114">
        <v>1149</v>
      </c>
      <c r="C43" s="114">
        <v>11485</v>
      </c>
      <c r="D43" s="114">
        <v>706301</v>
      </c>
      <c r="E43" s="114">
        <v>72538</v>
      </c>
      <c r="F43" s="114">
        <v>102127</v>
      </c>
      <c r="G43" s="189">
        <v>885721</v>
      </c>
      <c r="H43" s="114">
        <v>18018</v>
      </c>
      <c r="I43" s="114">
        <v>30393</v>
      </c>
      <c r="J43" s="114">
        <v>229733</v>
      </c>
      <c r="K43" s="114">
        <v>91705</v>
      </c>
      <c r="L43" s="114">
        <v>144005</v>
      </c>
      <c r="M43" s="114">
        <v>1821754</v>
      </c>
      <c r="N43" s="114">
        <v>51914</v>
      </c>
      <c r="O43" s="114">
        <v>61959</v>
      </c>
      <c r="P43" s="115">
        <v>534115</v>
      </c>
      <c r="Q43" s="188" t="s">
        <v>117</v>
      </c>
      <c r="R43" s="190">
        <v>1026</v>
      </c>
      <c r="S43" s="191">
        <v>26094</v>
      </c>
      <c r="T43" s="192">
        <v>17257</v>
      </c>
      <c r="U43" s="190">
        <v>111</v>
      </c>
      <c r="V43" s="191">
        <v>612</v>
      </c>
      <c r="W43" s="191">
        <v>7509</v>
      </c>
      <c r="X43" s="114">
        <v>143730</v>
      </c>
      <c r="Y43" s="114">
        <v>2380635</v>
      </c>
      <c r="Z43" s="193">
        <v>7</v>
      </c>
      <c r="AA43" s="114">
        <v>65</v>
      </c>
      <c r="AB43" s="114">
        <v>705</v>
      </c>
      <c r="AC43" s="114">
        <v>52</v>
      </c>
      <c r="AD43" s="114">
        <v>2021</v>
      </c>
      <c r="AE43" s="114">
        <v>4074</v>
      </c>
      <c r="AF43" s="114">
        <v>26300</v>
      </c>
      <c r="AG43" s="114">
        <v>69</v>
      </c>
      <c r="AH43" s="115">
        <v>2173</v>
      </c>
      <c r="AI43" s="188" t="s">
        <v>117</v>
      </c>
      <c r="AJ43" s="114">
        <v>79</v>
      </c>
      <c r="AK43" s="114">
        <v>1234</v>
      </c>
      <c r="AL43" s="114">
        <v>1</v>
      </c>
      <c r="AM43" s="114">
        <v>61</v>
      </c>
      <c r="AN43" s="114">
        <v>4340</v>
      </c>
      <c r="AO43" s="114">
        <v>32495</v>
      </c>
      <c r="AP43" s="114">
        <v>0</v>
      </c>
      <c r="AQ43" s="115">
        <v>0</v>
      </c>
      <c r="AR43" s="114">
        <v>148077</v>
      </c>
      <c r="AS43" s="115">
        <v>2413129</v>
      </c>
      <c r="AT43" s="194">
        <v>1727659</v>
      </c>
      <c r="AU43" s="114">
        <v>601679</v>
      </c>
      <c r="AV43" s="114">
        <v>83791</v>
      </c>
      <c r="AW43" s="195">
        <v>1818</v>
      </c>
      <c r="AX43" s="115">
        <v>170367</v>
      </c>
      <c r="AY43" s="194">
        <v>0</v>
      </c>
      <c r="AZ43" s="115">
        <v>0</v>
      </c>
      <c r="BA43" s="188" t="s">
        <v>117</v>
      </c>
      <c r="BB43" s="194">
        <v>104</v>
      </c>
      <c r="BC43" s="114">
        <v>43584</v>
      </c>
      <c r="BD43" s="196" t="s">
        <v>82</v>
      </c>
      <c r="BE43" s="196" t="s">
        <v>82</v>
      </c>
      <c r="BF43" s="114">
        <v>26</v>
      </c>
      <c r="BG43" s="114">
        <v>2920</v>
      </c>
      <c r="BH43" s="114">
        <v>316</v>
      </c>
      <c r="BI43" s="114">
        <v>21410</v>
      </c>
      <c r="BJ43" s="114">
        <v>3</v>
      </c>
      <c r="BK43" s="114">
        <v>1205</v>
      </c>
      <c r="BL43" s="114">
        <v>964</v>
      </c>
      <c r="BM43" s="189">
        <v>28765</v>
      </c>
      <c r="BN43" s="194">
        <v>1413</v>
      </c>
      <c r="BO43" s="114">
        <v>97885</v>
      </c>
      <c r="BP43" s="193">
        <v>149490</v>
      </c>
      <c r="BQ43" s="115">
        <v>2511014</v>
      </c>
      <c r="BR43" s="188" t="s">
        <v>117</v>
      </c>
      <c r="BS43" s="198">
        <v>0.86099999999999999</v>
      </c>
      <c r="BT43" s="199">
        <v>54.344999999999999</v>
      </c>
      <c r="BU43" s="199">
        <v>13.499000000000001</v>
      </c>
      <c r="BV43" s="199">
        <v>663.57600000000002</v>
      </c>
      <c r="BW43" s="200">
        <v>10</v>
      </c>
      <c r="BX43" s="200">
        <v>1.41</v>
      </c>
      <c r="BY43" s="200">
        <v>1.69</v>
      </c>
      <c r="BZ43" s="200">
        <v>1.57</v>
      </c>
      <c r="CA43" s="201">
        <v>63000</v>
      </c>
      <c r="CB43" s="114">
        <v>13903</v>
      </c>
      <c r="CC43" s="114">
        <v>7559</v>
      </c>
      <c r="CD43" s="115">
        <v>16462</v>
      </c>
    </row>
    <row r="44" spans="1:83" s="223" customFormat="1" ht="14.4" customHeight="1" x14ac:dyDescent="0.15">
      <c r="A44" s="202" t="s">
        <v>120</v>
      </c>
      <c r="B44" s="224">
        <v>1117</v>
      </c>
      <c r="C44" s="114">
        <v>10914</v>
      </c>
      <c r="D44" s="114">
        <v>642200</v>
      </c>
      <c r="E44" s="114">
        <v>67584</v>
      </c>
      <c r="F44" s="114">
        <v>93045</v>
      </c>
      <c r="G44" s="189">
        <v>835504</v>
      </c>
      <c r="H44" s="114">
        <v>16869</v>
      </c>
      <c r="I44" s="114">
        <v>28336</v>
      </c>
      <c r="J44" s="114">
        <v>207486</v>
      </c>
      <c r="K44" s="114">
        <v>85570</v>
      </c>
      <c r="L44" s="114">
        <v>132295</v>
      </c>
      <c r="M44" s="114">
        <v>1685190</v>
      </c>
      <c r="N44" s="114">
        <v>47416</v>
      </c>
      <c r="O44" s="114">
        <v>54911</v>
      </c>
      <c r="P44" s="115">
        <v>498174</v>
      </c>
      <c r="Q44" s="202" t="s">
        <v>127</v>
      </c>
      <c r="R44" s="190">
        <v>1005</v>
      </c>
      <c r="S44" s="191">
        <v>24731</v>
      </c>
      <c r="T44" s="192">
        <v>16543</v>
      </c>
      <c r="U44" s="190">
        <v>122</v>
      </c>
      <c r="V44" s="191">
        <v>687</v>
      </c>
      <c r="W44" s="191">
        <v>8287</v>
      </c>
      <c r="X44" s="114">
        <v>133108</v>
      </c>
      <c r="Y44" s="114">
        <v>2208195</v>
      </c>
      <c r="Z44" s="193">
        <v>8</v>
      </c>
      <c r="AA44" s="114">
        <v>64</v>
      </c>
      <c r="AB44" s="114">
        <v>684</v>
      </c>
      <c r="AC44" s="114">
        <v>58</v>
      </c>
      <c r="AD44" s="114">
        <v>2161</v>
      </c>
      <c r="AE44" s="114">
        <v>4002</v>
      </c>
      <c r="AF44" s="114">
        <v>25481</v>
      </c>
      <c r="AG44" s="114">
        <v>60</v>
      </c>
      <c r="AH44" s="115">
        <v>1688</v>
      </c>
      <c r="AI44" s="202" t="s">
        <v>127</v>
      </c>
      <c r="AJ44" s="114">
        <v>73</v>
      </c>
      <c r="AK44" s="114">
        <v>1020</v>
      </c>
      <c r="AL44" s="114">
        <v>0</v>
      </c>
      <c r="AM44" s="114">
        <v>0</v>
      </c>
      <c r="AN44" s="114">
        <v>4257</v>
      </c>
      <c r="AO44" s="114">
        <v>31033</v>
      </c>
      <c r="AP44" s="114">
        <v>0</v>
      </c>
      <c r="AQ44" s="115">
        <v>0</v>
      </c>
      <c r="AR44" s="114">
        <v>137373</v>
      </c>
      <c r="AS44" s="115">
        <v>2239228</v>
      </c>
      <c r="AT44" s="194">
        <v>1600217</v>
      </c>
      <c r="AU44" s="114">
        <v>563427</v>
      </c>
      <c r="AV44" s="114">
        <v>75584</v>
      </c>
      <c r="AW44" s="195">
        <v>1651</v>
      </c>
      <c r="AX44" s="115">
        <v>172354</v>
      </c>
      <c r="AY44" s="194">
        <v>1</v>
      </c>
      <c r="AZ44" s="115">
        <v>46</v>
      </c>
      <c r="BA44" s="202" t="s">
        <v>127</v>
      </c>
      <c r="BB44" s="194">
        <v>86</v>
      </c>
      <c r="BC44" s="114">
        <v>35012</v>
      </c>
      <c r="BD44" s="196" t="s">
        <v>82</v>
      </c>
      <c r="BE44" s="196" t="s">
        <v>82</v>
      </c>
      <c r="BF44" s="114">
        <v>15</v>
      </c>
      <c r="BG44" s="114">
        <v>1500</v>
      </c>
      <c r="BH44" s="114">
        <v>246</v>
      </c>
      <c r="BI44" s="114">
        <v>16183</v>
      </c>
      <c r="BJ44" s="114">
        <v>1</v>
      </c>
      <c r="BK44" s="114">
        <v>402</v>
      </c>
      <c r="BL44" s="114">
        <v>842</v>
      </c>
      <c r="BM44" s="189">
        <v>25589</v>
      </c>
      <c r="BN44" s="194">
        <v>1190</v>
      </c>
      <c r="BO44" s="114">
        <v>78685</v>
      </c>
      <c r="BP44" s="193">
        <v>138563</v>
      </c>
      <c r="BQ44" s="115">
        <v>2317914</v>
      </c>
      <c r="BR44" s="202" t="s">
        <v>127</v>
      </c>
      <c r="BS44" s="198">
        <v>0.83799999999999997</v>
      </c>
      <c r="BT44" s="199">
        <v>50.683999999999997</v>
      </c>
      <c r="BU44" s="199">
        <v>12.651</v>
      </c>
      <c r="BV44" s="199">
        <v>626.57299999999998</v>
      </c>
      <c r="BW44" s="200">
        <v>9.77</v>
      </c>
      <c r="BX44" s="200">
        <v>1.38</v>
      </c>
      <c r="BY44" s="200">
        <v>1.68</v>
      </c>
      <c r="BZ44" s="200">
        <v>1.55</v>
      </c>
      <c r="CA44" s="201">
        <v>60358</v>
      </c>
      <c r="CB44" s="114">
        <v>14334</v>
      </c>
      <c r="CC44" s="114">
        <v>7322</v>
      </c>
      <c r="CD44" s="115">
        <v>16605</v>
      </c>
    </row>
    <row r="45" spans="1:83" s="223" customFormat="1" ht="14.4" customHeight="1" x14ac:dyDescent="0.15">
      <c r="A45" s="202" t="s">
        <v>128</v>
      </c>
      <c r="B45" s="189">
        <v>1113</v>
      </c>
      <c r="C45" s="114">
        <v>10785</v>
      </c>
      <c r="D45" s="114">
        <v>614709</v>
      </c>
      <c r="E45" s="114">
        <v>69707</v>
      </c>
      <c r="F45" s="114">
        <v>95643</v>
      </c>
      <c r="G45" s="189">
        <v>799554</v>
      </c>
      <c r="H45" s="114">
        <v>16812</v>
      </c>
      <c r="I45" s="114">
        <v>28459</v>
      </c>
      <c r="J45" s="114">
        <v>219097</v>
      </c>
      <c r="K45" s="114">
        <v>87632</v>
      </c>
      <c r="L45" s="114">
        <v>134887</v>
      </c>
      <c r="M45" s="114">
        <v>1633360</v>
      </c>
      <c r="N45" s="114">
        <v>50793</v>
      </c>
      <c r="O45" s="114">
        <v>58938</v>
      </c>
      <c r="P45" s="115">
        <v>518050</v>
      </c>
      <c r="Q45" s="202" t="s">
        <v>128</v>
      </c>
      <c r="R45" s="190">
        <v>1018</v>
      </c>
      <c r="S45" s="191">
        <v>25111</v>
      </c>
      <c r="T45" s="192">
        <v>16692</v>
      </c>
      <c r="U45" s="190">
        <v>108</v>
      </c>
      <c r="V45" s="191">
        <v>574</v>
      </c>
      <c r="W45" s="191">
        <v>6756</v>
      </c>
      <c r="X45" s="114">
        <v>138533</v>
      </c>
      <c r="Y45" s="114">
        <v>2174858</v>
      </c>
      <c r="Z45" s="193">
        <v>8</v>
      </c>
      <c r="AA45" s="114">
        <v>62</v>
      </c>
      <c r="AB45" s="114">
        <v>568</v>
      </c>
      <c r="AC45" s="114">
        <v>76</v>
      </c>
      <c r="AD45" s="114">
        <v>2776</v>
      </c>
      <c r="AE45" s="114">
        <v>3738</v>
      </c>
      <c r="AF45" s="114">
        <v>24105</v>
      </c>
      <c r="AG45" s="114">
        <v>81</v>
      </c>
      <c r="AH45" s="115">
        <v>2482</v>
      </c>
      <c r="AI45" s="202" t="s">
        <v>128</v>
      </c>
      <c r="AJ45" s="114">
        <v>109</v>
      </c>
      <c r="AK45" s="114">
        <v>1784</v>
      </c>
      <c r="AL45" s="114">
        <v>0</v>
      </c>
      <c r="AM45" s="114">
        <v>0</v>
      </c>
      <c r="AN45" s="114">
        <v>4066</v>
      </c>
      <c r="AO45" s="114">
        <v>31714</v>
      </c>
      <c r="AP45" s="114">
        <v>0</v>
      </c>
      <c r="AQ45" s="115">
        <v>0</v>
      </c>
      <c r="AR45" s="114">
        <v>142607</v>
      </c>
      <c r="AS45" s="115">
        <v>2206572</v>
      </c>
      <c r="AT45" s="194">
        <v>1577148</v>
      </c>
      <c r="AU45" s="114">
        <v>549456</v>
      </c>
      <c r="AV45" s="114">
        <v>79967</v>
      </c>
      <c r="AW45" s="195">
        <v>1830</v>
      </c>
      <c r="AX45" s="115">
        <v>186240</v>
      </c>
      <c r="AY45" s="194">
        <v>3</v>
      </c>
      <c r="AZ45" s="115">
        <v>13</v>
      </c>
      <c r="BA45" s="202" t="s">
        <v>128</v>
      </c>
      <c r="BB45" s="194">
        <v>111</v>
      </c>
      <c r="BC45" s="114">
        <v>46398</v>
      </c>
      <c r="BD45" s="196" t="s">
        <v>82</v>
      </c>
      <c r="BE45" s="196" t="s">
        <v>82</v>
      </c>
      <c r="BF45" s="114">
        <v>24</v>
      </c>
      <c r="BG45" s="114">
        <v>2620</v>
      </c>
      <c r="BH45" s="114">
        <v>345</v>
      </c>
      <c r="BI45" s="114">
        <v>25818</v>
      </c>
      <c r="BJ45" s="114">
        <v>4</v>
      </c>
      <c r="BK45" s="114">
        <v>1607</v>
      </c>
      <c r="BL45" s="114">
        <v>948</v>
      </c>
      <c r="BM45" s="189">
        <v>29238</v>
      </c>
      <c r="BN45" s="194">
        <v>1432</v>
      </c>
      <c r="BO45" s="114">
        <v>105681</v>
      </c>
      <c r="BP45" s="193">
        <v>144039</v>
      </c>
      <c r="BQ45" s="115">
        <v>2312253</v>
      </c>
      <c r="BR45" s="202" t="s">
        <v>124</v>
      </c>
      <c r="BS45" s="198">
        <v>0.83599999999999997</v>
      </c>
      <c r="BT45" s="199">
        <v>52.338000000000001</v>
      </c>
      <c r="BU45" s="199">
        <v>12.622999999999999</v>
      </c>
      <c r="BV45" s="199">
        <v>600.32899999999995</v>
      </c>
      <c r="BW45" s="200">
        <v>9.69</v>
      </c>
      <c r="BX45" s="200">
        <v>1.37</v>
      </c>
      <c r="BY45" s="200">
        <v>1.69</v>
      </c>
      <c r="BZ45" s="200">
        <v>1.54</v>
      </c>
      <c r="CA45" s="201">
        <v>58544</v>
      </c>
      <c r="CB45" s="114">
        <v>13776</v>
      </c>
      <c r="CC45" s="114">
        <v>7699</v>
      </c>
      <c r="CD45" s="115">
        <v>16055</v>
      </c>
    </row>
    <row r="46" spans="1:83" s="223" customFormat="1" ht="14.4" customHeight="1" thickBot="1" x14ac:dyDescent="0.2">
      <c r="A46" s="225" t="s">
        <v>129</v>
      </c>
      <c r="B46" s="204">
        <v>1130</v>
      </c>
      <c r="C46" s="205">
        <v>10774</v>
      </c>
      <c r="D46" s="205">
        <v>655875</v>
      </c>
      <c r="E46" s="205">
        <v>64751</v>
      </c>
      <c r="F46" s="205">
        <v>90976</v>
      </c>
      <c r="G46" s="204">
        <v>797831</v>
      </c>
      <c r="H46" s="205">
        <v>17851</v>
      </c>
      <c r="I46" s="205">
        <v>31708</v>
      </c>
      <c r="J46" s="205">
        <v>239259</v>
      </c>
      <c r="K46" s="205">
        <v>83732</v>
      </c>
      <c r="L46" s="205">
        <v>133458</v>
      </c>
      <c r="M46" s="205">
        <v>1692965</v>
      </c>
      <c r="N46" s="205">
        <v>46882</v>
      </c>
      <c r="O46" s="205">
        <v>54762</v>
      </c>
      <c r="P46" s="220">
        <v>530524</v>
      </c>
      <c r="Q46" s="225" t="s">
        <v>129</v>
      </c>
      <c r="R46" s="207">
        <v>1048</v>
      </c>
      <c r="S46" s="208">
        <v>25319</v>
      </c>
      <c r="T46" s="226">
        <v>16880</v>
      </c>
      <c r="U46" s="207">
        <v>115</v>
      </c>
      <c r="V46" s="208">
        <v>640</v>
      </c>
      <c r="W46" s="208">
        <v>7456</v>
      </c>
      <c r="X46" s="205">
        <v>130729</v>
      </c>
      <c r="Y46" s="205">
        <v>2247825</v>
      </c>
      <c r="Z46" s="211">
        <v>5</v>
      </c>
      <c r="AA46" s="205">
        <v>65</v>
      </c>
      <c r="AB46" s="205">
        <v>1021</v>
      </c>
      <c r="AC46" s="205">
        <v>66</v>
      </c>
      <c r="AD46" s="205">
        <v>3041</v>
      </c>
      <c r="AE46" s="205">
        <v>3733</v>
      </c>
      <c r="AF46" s="205">
        <v>23503</v>
      </c>
      <c r="AG46" s="205">
        <v>63</v>
      </c>
      <c r="AH46" s="220">
        <v>1843</v>
      </c>
      <c r="AI46" s="225" t="s">
        <v>129</v>
      </c>
      <c r="AJ46" s="205">
        <v>90</v>
      </c>
      <c r="AK46" s="205">
        <v>1209</v>
      </c>
      <c r="AL46" s="205">
        <v>0</v>
      </c>
      <c r="AM46" s="205">
        <v>0</v>
      </c>
      <c r="AN46" s="205">
        <v>4017</v>
      </c>
      <c r="AO46" s="205">
        <v>30616</v>
      </c>
      <c r="AP46" s="205">
        <v>0</v>
      </c>
      <c r="AQ46" s="220">
        <v>0</v>
      </c>
      <c r="AR46" s="205">
        <v>134751</v>
      </c>
      <c r="AS46" s="220">
        <v>2278441</v>
      </c>
      <c r="AT46" s="214">
        <v>1630068</v>
      </c>
      <c r="AU46" s="205">
        <v>571852</v>
      </c>
      <c r="AV46" s="205">
        <v>76521</v>
      </c>
      <c r="AW46" s="213">
        <v>1876</v>
      </c>
      <c r="AX46" s="220">
        <v>172784</v>
      </c>
      <c r="AY46" s="214">
        <v>1</v>
      </c>
      <c r="AZ46" s="220">
        <v>1</v>
      </c>
      <c r="BA46" s="225" t="s">
        <v>129</v>
      </c>
      <c r="BB46" s="214">
        <v>105</v>
      </c>
      <c r="BC46" s="205">
        <v>43049</v>
      </c>
      <c r="BD46" s="215" t="s">
        <v>82</v>
      </c>
      <c r="BE46" s="215" t="s">
        <v>82</v>
      </c>
      <c r="BF46" s="205">
        <v>24</v>
      </c>
      <c r="BG46" s="205">
        <v>2110</v>
      </c>
      <c r="BH46" s="205">
        <v>309</v>
      </c>
      <c r="BI46" s="205">
        <v>22091</v>
      </c>
      <c r="BJ46" s="205">
        <v>2</v>
      </c>
      <c r="BK46" s="205">
        <v>652</v>
      </c>
      <c r="BL46" s="205">
        <v>914</v>
      </c>
      <c r="BM46" s="204">
        <v>27994</v>
      </c>
      <c r="BN46" s="214">
        <v>1354</v>
      </c>
      <c r="BO46" s="205">
        <v>95897</v>
      </c>
      <c r="BP46" s="211">
        <v>136105</v>
      </c>
      <c r="BQ46" s="220">
        <v>2374338</v>
      </c>
      <c r="BR46" s="225" t="s">
        <v>129</v>
      </c>
      <c r="BS46" s="216">
        <v>0.84899999999999998</v>
      </c>
      <c r="BT46" s="217">
        <v>48.625</v>
      </c>
      <c r="BU46" s="217">
        <v>13.404999999999999</v>
      </c>
      <c r="BV46" s="217">
        <v>599.13900000000001</v>
      </c>
      <c r="BW46" s="218">
        <v>9.5299999999999994</v>
      </c>
      <c r="BX46" s="218">
        <v>1.41</v>
      </c>
      <c r="BY46" s="218">
        <v>1.78</v>
      </c>
      <c r="BZ46" s="218">
        <v>1.59</v>
      </c>
      <c r="CA46" s="219">
        <v>62442</v>
      </c>
      <c r="CB46" s="205">
        <v>14601</v>
      </c>
      <c r="CC46" s="205">
        <v>7546</v>
      </c>
      <c r="CD46" s="220">
        <v>16763</v>
      </c>
    </row>
    <row r="47" spans="1:83" ht="10.050000000000001" customHeight="1" x14ac:dyDescent="0.15">
      <c r="A47" s="227"/>
      <c r="B47" s="165"/>
      <c r="C47" s="165"/>
      <c r="D47" s="165"/>
      <c r="E47" s="165"/>
      <c r="F47" s="165"/>
      <c r="G47" s="165"/>
      <c r="H47" s="165"/>
      <c r="I47" s="165"/>
      <c r="J47" s="165"/>
      <c r="K47" s="165"/>
      <c r="L47" s="165"/>
      <c r="M47" s="165"/>
      <c r="N47" s="165"/>
      <c r="O47" s="165"/>
      <c r="P47" s="165"/>
      <c r="Q47" s="227"/>
      <c r="R47" s="228"/>
      <c r="S47" s="228"/>
      <c r="T47" s="228"/>
      <c r="U47" s="228"/>
      <c r="V47" s="228"/>
      <c r="W47" s="228"/>
      <c r="X47" s="165"/>
      <c r="Y47" s="165"/>
      <c r="Z47" s="165"/>
      <c r="AA47" s="165"/>
      <c r="AB47" s="165"/>
      <c r="AC47" s="165"/>
      <c r="AD47" s="165"/>
      <c r="AE47" s="165"/>
      <c r="AF47" s="165"/>
      <c r="AG47" s="165"/>
      <c r="AH47" s="165"/>
      <c r="AI47" s="227"/>
      <c r="AJ47" s="165"/>
      <c r="AK47" s="165"/>
      <c r="AL47" s="165"/>
      <c r="AM47" s="165"/>
      <c r="AN47" s="165"/>
      <c r="AO47" s="165"/>
      <c r="AP47" s="165"/>
      <c r="AQ47" s="165"/>
      <c r="AR47" s="165"/>
      <c r="AS47" s="165"/>
      <c r="AT47" s="165"/>
      <c r="AU47" s="165"/>
      <c r="AV47" s="165"/>
      <c r="AW47" s="165"/>
      <c r="AX47" s="165"/>
      <c r="AY47" s="165"/>
      <c r="AZ47" s="165"/>
      <c r="BA47" s="227"/>
      <c r="BB47" s="165"/>
      <c r="BC47" s="165"/>
      <c r="BD47" s="229"/>
      <c r="BE47" s="229"/>
      <c r="BF47" s="165"/>
      <c r="BG47" s="165"/>
      <c r="BH47" s="165"/>
      <c r="BI47" s="165"/>
      <c r="BJ47" s="165"/>
      <c r="BK47" s="165"/>
      <c r="BL47" s="165"/>
      <c r="BM47" s="165"/>
      <c r="BN47" s="165"/>
      <c r="BO47" s="165"/>
      <c r="BP47" s="165"/>
      <c r="BQ47" s="165"/>
      <c r="BR47" s="230" t="s">
        <v>130</v>
      </c>
      <c r="BS47" s="230"/>
      <c r="BT47" s="230"/>
      <c r="BU47" s="230"/>
      <c r="BV47" s="230"/>
      <c r="BW47" s="230"/>
      <c r="BX47" s="230"/>
      <c r="BY47" s="230"/>
      <c r="BZ47" s="230"/>
      <c r="CA47" s="230"/>
      <c r="CB47" s="230"/>
      <c r="CC47" s="230"/>
      <c r="CD47" s="230"/>
      <c r="CE47" s="230"/>
    </row>
    <row r="48" spans="1:83" ht="10.050000000000001" customHeight="1" x14ac:dyDescent="0.15">
      <c r="A48" s="231"/>
      <c r="B48" s="165"/>
      <c r="C48" s="165"/>
      <c r="D48" s="165"/>
      <c r="E48" s="165"/>
      <c r="F48" s="165"/>
      <c r="G48" s="165"/>
      <c r="H48" s="165"/>
      <c r="I48" s="165"/>
      <c r="J48" s="165"/>
      <c r="K48" s="165"/>
      <c r="L48" s="165"/>
      <c r="M48" s="165"/>
      <c r="N48" s="165"/>
      <c r="O48" s="165"/>
      <c r="P48" s="165"/>
      <c r="Q48" s="227"/>
      <c r="R48" s="228"/>
      <c r="S48" s="228"/>
      <c r="T48" s="228"/>
      <c r="U48" s="228"/>
      <c r="V48" s="228"/>
      <c r="W48" s="228"/>
      <c r="X48" s="165"/>
      <c r="Y48" s="165"/>
      <c r="Z48" s="165"/>
      <c r="AA48" s="165"/>
      <c r="AB48" s="165"/>
      <c r="AC48" s="165"/>
      <c r="AD48" s="165"/>
      <c r="AE48" s="165"/>
      <c r="AF48" s="165"/>
      <c r="AG48" s="165"/>
      <c r="AH48" s="165"/>
      <c r="AI48" s="227"/>
      <c r="AJ48" s="165"/>
      <c r="AK48" s="165"/>
      <c r="AL48" s="165"/>
      <c r="AM48" s="165"/>
      <c r="AN48" s="165"/>
      <c r="AO48" s="165"/>
      <c r="AP48" s="165"/>
      <c r="AQ48" s="165"/>
      <c r="AR48" s="165"/>
      <c r="AS48" s="165"/>
      <c r="AT48" s="165"/>
      <c r="AU48" s="165"/>
      <c r="AV48" s="165"/>
      <c r="AW48" s="165"/>
      <c r="AX48" s="165"/>
      <c r="AY48" s="165"/>
      <c r="AZ48" s="165"/>
      <c r="BA48" s="227"/>
      <c r="BB48" s="165"/>
      <c r="BC48" s="165"/>
      <c r="BD48" s="229"/>
      <c r="BE48" s="229"/>
      <c r="BF48" s="165"/>
      <c r="BG48" s="165"/>
      <c r="BH48" s="165"/>
      <c r="BI48" s="165"/>
      <c r="BJ48" s="165"/>
      <c r="BK48" s="165"/>
      <c r="BL48" s="165"/>
      <c r="BM48" s="165"/>
      <c r="BN48" s="165"/>
      <c r="BO48" s="165"/>
      <c r="BP48" s="165"/>
      <c r="BQ48" s="165"/>
      <c r="BR48" s="2" t="s">
        <v>131</v>
      </c>
      <c r="BS48" s="232"/>
      <c r="BT48" s="232"/>
      <c r="BU48" s="232"/>
      <c r="BV48" s="232"/>
      <c r="BW48" s="233"/>
      <c r="BX48" s="233"/>
      <c r="BY48" s="233"/>
      <c r="BZ48" s="233"/>
      <c r="CA48" s="234"/>
      <c r="CB48" s="165"/>
      <c r="CC48" s="165"/>
      <c r="CD48" s="165"/>
    </row>
    <row r="49" spans="13:41" s="11" customFormat="1" ht="17.25" customHeight="1" x14ac:dyDescent="0.15"/>
    <row r="50" spans="13:41" ht="17.25" customHeight="1" x14ac:dyDescent="0.15">
      <c r="M50" s="171"/>
      <c r="AO50" s="171"/>
    </row>
    <row r="52" spans="13:41" x14ac:dyDescent="0.15">
      <c r="M52" s="165"/>
    </row>
  </sheetData>
  <mergeCells count="42">
    <mergeCell ref="AT3:AV3"/>
    <mergeCell ref="AJ4:AO4"/>
    <mergeCell ref="AP4:AQ5"/>
    <mergeCell ref="AT4:AT6"/>
    <mergeCell ref="AU4:AU6"/>
    <mergeCell ref="B3:P3"/>
    <mergeCell ref="R3:Y3"/>
    <mergeCell ref="Z3:AH3"/>
    <mergeCell ref="AJ3:AO3"/>
    <mergeCell ref="AR3:AS5"/>
    <mergeCell ref="CA4:CD5"/>
    <mergeCell ref="B5:D5"/>
    <mergeCell ref="E5:G5"/>
    <mergeCell ref="H5:J5"/>
    <mergeCell ref="K5:M5"/>
    <mergeCell ref="AA5:AB5"/>
    <mergeCell ref="AV4:AV6"/>
    <mergeCell ref="BB4:BC5"/>
    <mergeCell ref="BD4:BE5"/>
    <mergeCell ref="BF4:BG5"/>
    <mergeCell ref="BH4:BI5"/>
    <mergeCell ref="BJ4:BK5"/>
    <mergeCell ref="AW3:AX5"/>
    <mergeCell ref="AY3:AZ5"/>
    <mergeCell ref="BB3:BO3"/>
    <mergeCell ref="BP3:BQ5"/>
    <mergeCell ref="L7:M7"/>
    <mergeCell ref="BL4:BM5"/>
    <mergeCell ref="BN4:BO5"/>
    <mergeCell ref="BS4:BV5"/>
    <mergeCell ref="BW4:BZ5"/>
    <mergeCell ref="N4:P5"/>
    <mergeCell ref="R4:T5"/>
    <mergeCell ref="U4:W5"/>
    <mergeCell ref="X4:Y5"/>
    <mergeCell ref="Z4:Z6"/>
    <mergeCell ref="AA4:AH4"/>
    <mergeCell ref="AC5:AD5"/>
    <mergeCell ref="AE5:AF5"/>
    <mergeCell ref="AG5:AH5"/>
    <mergeCell ref="AJ5:AK5"/>
    <mergeCell ref="AL5:AM5"/>
  </mergeCells>
  <phoneticPr fontId="3"/>
  <conditionalFormatting sqref="B49:CD49">
    <cfRule type="cellIs" dxfId="0" priority="1" stopIfTrue="1" operator="notEqual">
      <formula>B$18</formula>
    </cfRule>
  </conditionalFormatting>
  <printOptions verticalCentered="1" gridLinesSet="0"/>
  <pageMargins left="0.70866141732283472" right="0.19685039370078741" top="0.59055118110236227" bottom="0.59055118110236227" header="0.23622047244094491" footer="0.23622047244094491"/>
  <pageSetup paperSize="9" scale="83" orientation="landscape" blackAndWhite="1" r:id="rId1"/>
  <headerFooter alignWithMargins="0"/>
  <colBreaks count="4" manualBreakCount="4">
    <brk id="16" max="59" man="1"/>
    <brk id="34" max="59" man="1"/>
    <brk id="52" max="59" man="1"/>
    <brk id="69" max="59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B7" transitionEvaluation="1"/>
  <dimension ref="A1:N61"/>
  <sheetViews>
    <sheetView zoomScaleNormal="100" zoomScaleSheetLayoutView="120" workbookViewId="0">
      <pane xSplit="1" ySplit="6" topLeftCell="B7" activePane="bottomRight" state="frozen"/>
      <selection activeCell="BU24" sqref="BU24"/>
      <selection pane="topRight" activeCell="BU24" sqref="BU24"/>
      <selection pane="bottomLeft" activeCell="BU24" sqref="BU24"/>
      <selection pane="bottomRight"/>
    </sheetView>
  </sheetViews>
  <sheetFormatPr defaultColWidth="14.109375" defaultRowHeight="10.8" x14ac:dyDescent="0.15"/>
  <cols>
    <col min="1" max="1" width="10.6640625" style="235" customWidth="1"/>
    <col min="2" max="3" width="5.21875" style="235" customWidth="1"/>
    <col min="4" max="4" width="9.6640625" style="235" customWidth="1"/>
    <col min="5" max="8" width="5.21875" style="235" customWidth="1"/>
    <col min="9" max="9" width="9.6640625" style="236" customWidth="1"/>
    <col min="10" max="12" width="9.6640625" style="235" customWidth="1"/>
    <col min="13" max="13" width="95.77734375" style="235" customWidth="1"/>
    <col min="14" max="16384" width="14.109375" style="235"/>
  </cols>
  <sheetData>
    <row r="1" spans="1:14" ht="15" customHeight="1" x14ac:dyDescent="0.2">
      <c r="A1" s="307" t="s">
        <v>244</v>
      </c>
      <c r="B1" s="306"/>
      <c r="C1" s="306"/>
      <c r="D1" s="306"/>
      <c r="E1" s="305"/>
      <c r="F1" s="305"/>
      <c r="G1" s="305"/>
      <c r="H1" s="305"/>
      <c r="I1" s="306"/>
      <c r="J1" s="305"/>
      <c r="K1" s="305"/>
      <c r="L1" s="305"/>
      <c r="M1" s="305"/>
      <c r="N1" s="304"/>
    </row>
    <row r="2" spans="1:14" ht="4.5" customHeight="1" thickBot="1" x14ac:dyDescent="0.2">
      <c r="A2" s="301"/>
      <c r="B2" s="303"/>
      <c r="C2" s="303"/>
      <c r="D2" s="303"/>
      <c r="E2" s="301"/>
      <c r="F2" s="301"/>
      <c r="G2" s="301"/>
      <c r="H2" s="301"/>
      <c r="I2" s="302"/>
      <c r="J2" s="301"/>
      <c r="K2" s="301"/>
      <c r="L2" s="301"/>
      <c r="M2" s="301"/>
    </row>
    <row r="3" spans="1:14" ht="15.75" customHeight="1" x14ac:dyDescent="0.15">
      <c r="A3" s="300"/>
      <c r="B3" s="857" t="s">
        <v>243</v>
      </c>
      <c r="C3" s="858"/>
      <c r="D3" s="863" t="s">
        <v>242</v>
      </c>
      <c r="E3" s="857" t="s">
        <v>241</v>
      </c>
      <c r="F3" s="865"/>
      <c r="G3" s="865"/>
      <c r="H3" s="866"/>
      <c r="I3" s="863" t="s">
        <v>240</v>
      </c>
      <c r="J3" s="863" t="s">
        <v>239</v>
      </c>
      <c r="K3" s="869" t="s">
        <v>238</v>
      </c>
      <c r="L3" s="870"/>
      <c r="M3" s="846" t="s">
        <v>237</v>
      </c>
    </row>
    <row r="4" spans="1:14" ht="9" customHeight="1" x14ac:dyDescent="0.15">
      <c r="A4" s="848" t="s">
        <v>236</v>
      </c>
      <c r="B4" s="859"/>
      <c r="C4" s="860"/>
      <c r="D4" s="864"/>
      <c r="E4" s="859"/>
      <c r="F4" s="867"/>
      <c r="G4" s="867"/>
      <c r="H4" s="868"/>
      <c r="I4" s="864"/>
      <c r="J4" s="864"/>
      <c r="K4" s="871"/>
      <c r="L4" s="872"/>
      <c r="M4" s="847"/>
    </row>
    <row r="5" spans="1:14" x14ac:dyDescent="0.15">
      <c r="A5" s="848"/>
      <c r="B5" s="859"/>
      <c r="C5" s="860"/>
      <c r="D5" s="864"/>
      <c r="E5" s="299" t="s">
        <v>235</v>
      </c>
      <c r="F5" s="298"/>
      <c r="G5" s="298"/>
      <c r="H5" s="297"/>
      <c r="I5" s="864"/>
      <c r="J5" s="864"/>
      <c r="K5" s="849" t="s">
        <v>234</v>
      </c>
      <c r="L5" s="851" t="s">
        <v>233</v>
      </c>
      <c r="M5" s="847"/>
    </row>
    <row r="6" spans="1:14" ht="13.2" customHeight="1" thickBot="1" x14ac:dyDescent="0.2">
      <c r="A6" s="296"/>
      <c r="B6" s="861"/>
      <c r="C6" s="862"/>
      <c r="D6" s="295" t="s">
        <v>232</v>
      </c>
      <c r="E6" s="853" t="s">
        <v>231</v>
      </c>
      <c r="F6" s="854"/>
      <c r="G6" s="855" t="s">
        <v>230</v>
      </c>
      <c r="H6" s="856"/>
      <c r="I6" s="294" t="s">
        <v>229</v>
      </c>
      <c r="J6" s="850"/>
      <c r="K6" s="850"/>
      <c r="L6" s="852"/>
      <c r="M6" s="293" t="s">
        <v>228</v>
      </c>
    </row>
    <row r="7" spans="1:14" ht="20.399999999999999" customHeight="1" thickTop="1" x14ac:dyDescent="0.15">
      <c r="A7" s="292" t="s">
        <v>227</v>
      </c>
      <c r="B7" s="842" t="s">
        <v>140</v>
      </c>
      <c r="C7" s="843"/>
      <c r="D7" s="288" t="s">
        <v>245</v>
      </c>
      <c r="E7" s="844" t="s">
        <v>246</v>
      </c>
      <c r="F7" s="841"/>
      <c r="G7" s="845" t="s">
        <v>140</v>
      </c>
      <c r="H7" s="840"/>
      <c r="I7" s="274" t="s">
        <v>160</v>
      </c>
      <c r="J7" s="288" t="s">
        <v>160</v>
      </c>
      <c r="K7" s="272">
        <v>420</v>
      </c>
      <c r="L7" s="271">
        <v>50</v>
      </c>
      <c r="M7" s="278" t="s">
        <v>226</v>
      </c>
    </row>
    <row r="8" spans="1:14" s="236" customFormat="1" ht="30.6" customHeight="1" x14ac:dyDescent="0.15">
      <c r="A8" s="275" t="s">
        <v>225</v>
      </c>
      <c r="B8" s="815" t="s">
        <v>140</v>
      </c>
      <c r="C8" s="840"/>
      <c r="D8" s="273" t="s">
        <v>245</v>
      </c>
      <c r="E8" s="817" t="s">
        <v>178</v>
      </c>
      <c r="F8" s="818"/>
      <c r="G8" s="819" t="s">
        <v>178</v>
      </c>
      <c r="H8" s="816"/>
      <c r="I8" s="274" t="s">
        <v>160</v>
      </c>
      <c r="J8" s="288" t="s">
        <v>245</v>
      </c>
      <c r="K8" s="272">
        <v>420</v>
      </c>
      <c r="L8" s="271">
        <v>50</v>
      </c>
      <c r="M8" s="278" t="s">
        <v>224</v>
      </c>
    </row>
    <row r="9" spans="1:14" s="236" customFormat="1" ht="20.399999999999999" customHeight="1" x14ac:dyDescent="0.15">
      <c r="A9" s="275" t="s">
        <v>223</v>
      </c>
      <c r="B9" s="815" t="s">
        <v>140</v>
      </c>
      <c r="C9" s="840"/>
      <c r="D9" s="273" t="s">
        <v>160</v>
      </c>
      <c r="E9" s="817" t="s">
        <v>140</v>
      </c>
      <c r="F9" s="841"/>
      <c r="G9" s="819" t="s">
        <v>140</v>
      </c>
      <c r="H9" s="840"/>
      <c r="I9" s="274" t="s">
        <v>160</v>
      </c>
      <c r="J9" s="288" t="s">
        <v>160</v>
      </c>
      <c r="K9" s="272">
        <v>420</v>
      </c>
      <c r="L9" s="271">
        <v>50</v>
      </c>
      <c r="M9" s="278" t="s">
        <v>222</v>
      </c>
    </row>
    <row r="10" spans="1:14" s="236" customFormat="1" ht="15" customHeight="1" x14ac:dyDescent="0.15">
      <c r="A10" s="275" t="s">
        <v>221</v>
      </c>
      <c r="B10" s="815" t="s">
        <v>246</v>
      </c>
      <c r="C10" s="816"/>
      <c r="D10" s="273" t="s">
        <v>160</v>
      </c>
      <c r="E10" s="817" t="s">
        <v>140</v>
      </c>
      <c r="F10" s="818"/>
      <c r="G10" s="819" t="s">
        <v>140</v>
      </c>
      <c r="H10" s="816"/>
      <c r="I10" s="274" t="s">
        <v>164</v>
      </c>
      <c r="J10" s="288" t="s">
        <v>164</v>
      </c>
      <c r="K10" s="291">
        <v>420</v>
      </c>
      <c r="L10" s="271">
        <v>50</v>
      </c>
      <c r="M10" s="278" t="s">
        <v>220</v>
      </c>
    </row>
    <row r="11" spans="1:14" s="236" customFormat="1" ht="20.399999999999999" customHeight="1" x14ac:dyDescent="0.15">
      <c r="A11" s="275" t="s">
        <v>219</v>
      </c>
      <c r="B11" s="815" t="s">
        <v>140</v>
      </c>
      <c r="C11" s="828"/>
      <c r="D11" s="273" t="s">
        <v>164</v>
      </c>
      <c r="E11" s="817" t="s">
        <v>140</v>
      </c>
      <c r="F11" s="839"/>
      <c r="G11" s="819" t="s">
        <v>140</v>
      </c>
      <c r="H11" s="829"/>
      <c r="I11" s="274" t="s">
        <v>164</v>
      </c>
      <c r="J11" s="288" t="s">
        <v>164</v>
      </c>
      <c r="K11" s="272">
        <v>420</v>
      </c>
      <c r="L11" s="271">
        <v>50</v>
      </c>
      <c r="M11" s="278" t="s">
        <v>218</v>
      </c>
    </row>
    <row r="12" spans="1:14" s="236" customFormat="1" ht="20.399999999999999" customHeight="1" x14ac:dyDescent="0.15">
      <c r="A12" s="275" t="s">
        <v>217</v>
      </c>
      <c r="B12" s="815" t="s">
        <v>140</v>
      </c>
      <c r="C12" s="816"/>
      <c r="D12" s="273" t="s">
        <v>164</v>
      </c>
      <c r="E12" s="817" t="s">
        <v>140</v>
      </c>
      <c r="F12" s="818"/>
      <c r="G12" s="819" t="s">
        <v>140</v>
      </c>
      <c r="H12" s="816"/>
      <c r="I12" s="274" t="s">
        <v>164</v>
      </c>
      <c r="J12" s="288" t="s">
        <v>164</v>
      </c>
      <c r="K12" s="272">
        <v>420</v>
      </c>
      <c r="L12" s="271">
        <v>50</v>
      </c>
      <c r="M12" s="278" t="s">
        <v>247</v>
      </c>
    </row>
    <row r="13" spans="1:14" s="236" customFormat="1" ht="20.399999999999999" customHeight="1" x14ac:dyDescent="0.15">
      <c r="A13" s="275" t="s">
        <v>216</v>
      </c>
      <c r="B13" s="815" t="s">
        <v>140</v>
      </c>
      <c r="C13" s="816"/>
      <c r="D13" s="273" t="s">
        <v>164</v>
      </c>
      <c r="E13" s="817" t="s">
        <v>140</v>
      </c>
      <c r="F13" s="818"/>
      <c r="G13" s="819" t="s">
        <v>140</v>
      </c>
      <c r="H13" s="816"/>
      <c r="I13" s="274" t="s">
        <v>164</v>
      </c>
      <c r="J13" s="288" t="s">
        <v>164</v>
      </c>
      <c r="K13" s="272">
        <v>420</v>
      </c>
      <c r="L13" s="271">
        <v>50</v>
      </c>
      <c r="M13" s="278" t="s">
        <v>215</v>
      </c>
    </row>
    <row r="14" spans="1:14" s="236" customFormat="1" ht="20.399999999999999" customHeight="1" x14ac:dyDescent="0.15">
      <c r="A14" s="275" t="s">
        <v>214</v>
      </c>
      <c r="B14" s="815" t="s">
        <v>246</v>
      </c>
      <c r="C14" s="816"/>
      <c r="D14" s="273" t="s">
        <v>164</v>
      </c>
      <c r="E14" s="817" t="s">
        <v>140</v>
      </c>
      <c r="F14" s="818"/>
      <c r="G14" s="819" t="s">
        <v>140</v>
      </c>
      <c r="H14" s="816"/>
      <c r="I14" s="274" t="s">
        <v>164</v>
      </c>
      <c r="J14" s="288" t="s">
        <v>164</v>
      </c>
      <c r="K14" s="272">
        <v>420</v>
      </c>
      <c r="L14" s="271">
        <v>50</v>
      </c>
      <c r="M14" s="278" t="s">
        <v>213</v>
      </c>
    </row>
    <row r="15" spans="1:14" s="236" customFormat="1" ht="15" customHeight="1" x14ac:dyDescent="0.15">
      <c r="A15" s="275" t="s">
        <v>212</v>
      </c>
      <c r="B15" s="815" t="s">
        <v>140</v>
      </c>
      <c r="C15" s="816"/>
      <c r="D15" s="273" t="s">
        <v>164</v>
      </c>
      <c r="E15" s="817" t="s">
        <v>140</v>
      </c>
      <c r="F15" s="818"/>
      <c r="G15" s="819" t="s">
        <v>140</v>
      </c>
      <c r="H15" s="816"/>
      <c r="I15" s="274" t="s">
        <v>164</v>
      </c>
      <c r="J15" s="288" t="s">
        <v>164</v>
      </c>
      <c r="K15" s="272">
        <v>420</v>
      </c>
      <c r="L15" s="271">
        <v>50</v>
      </c>
      <c r="M15" s="287" t="s">
        <v>211</v>
      </c>
    </row>
    <row r="16" spans="1:14" s="236" customFormat="1" ht="15" customHeight="1" x14ac:dyDescent="0.15">
      <c r="A16" s="275" t="s">
        <v>210</v>
      </c>
      <c r="B16" s="815" t="s">
        <v>140</v>
      </c>
      <c r="C16" s="816"/>
      <c r="D16" s="273" t="s">
        <v>164</v>
      </c>
      <c r="E16" s="817" t="s">
        <v>140</v>
      </c>
      <c r="F16" s="818"/>
      <c r="G16" s="819" t="s">
        <v>140</v>
      </c>
      <c r="H16" s="816"/>
      <c r="I16" s="274" t="s">
        <v>164</v>
      </c>
      <c r="J16" s="288" t="s">
        <v>164</v>
      </c>
      <c r="K16" s="272">
        <v>420</v>
      </c>
      <c r="L16" s="271">
        <v>50</v>
      </c>
      <c r="M16" s="287" t="s">
        <v>209</v>
      </c>
    </row>
    <row r="17" spans="1:13" s="236" customFormat="1" ht="20.399999999999999" customHeight="1" x14ac:dyDescent="0.15">
      <c r="A17" s="275" t="s">
        <v>208</v>
      </c>
      <c r="B17" s="815" t="s">
        <v>140</v>
      </c>
      <c r="C17" s="816"/>
      <c r="D17" s="273" t="s">
        <v>164</v>
      </c>
      <c r="E17" s="817" t="s">
        <v>140</v>
      </c>
      <c r="F17" s="818"/>
      <c r="G17" s="819" t="s">
        <v>140</v>
      </c>
      <c r="H17" s="816"/>
      <c r="I17" s="274" t="s">
        <v>164</v>
      </c>
      <c r="J17" s="288" t="s">
        <v>164</v>
      </c>
      <c r="K17" s="272">
        <v>420</v>
      </c>
      <c r="L17" s="271">
        <v>50</v>
      </c>
      <c r="M17" s="278" t="s">
        <v>207</v>
      </c>
    </row>
    <row r="18" spans="1:13" s="236" customFormat="1" ht="20.399999999999999" customHeight="1" x14ac:dyDescent="0.15">
      <c r="A18" s="275" t="s">
        <v>206</v>
      </c>
      <c r="B18" s="815" t="s">
        <v>140</v>
      </c>
      <c r="C18" s="816"/>
      <c r="D18" s="273" t="s">
        <v>164</v>
      </c>
      <c r="E18" s="817" t="s">
        <v>140</v>
      </c>
      <c r="F18" s="818"/>
      <c r="G18" s="819" t="s">
        <v>140</v>
      </c>
      <c r="H18" s="816"/>
      <c r="I18" s="274" t="s">
        <v>164</v>
      </c>
      <c r="J18" s="288" t="s">
        <v>164</v>
      </c>
      <c r="K18" s="272">
        <v>420</v>
      </c>
      <c r="L18" s="271">
        <v>50</v>
      </c>
      <c r="M18" s="278" t="s">
        <v>205</v>
      </c>
    </row>
    <row r="19" spans="1:13" s="236" customFormat="1" ht="30.6" customHeight="1" x14ac:dyDescent="0.15">
      <c r="A19" s="275" t="s">
        <v>204</v>
      </c>
      <c r="B19" s="815" t="s">
        <v>246</v>
      </c>
      <c r="C19" s="816"/>
      <c r="D19" s="273" t="s">
        <v>164</v>
      </c>
      <c r="E19" s="817" t="s">
        <v>140</v>
      </c>
      <c r="F19" s="818"/>
      <c r="G19" s="819" t="s">
        <v>246</v>
      </c>
      <c r="H19" s="816"/>
      <c r="I19" s="274" t="s">
        <v>164</v>
      </c>
      <c r="J19" s="288" t="s">
        <v>164</v>
      </c>
      <c r="K19" s="272">
        <v>420</v>
      </c>
      <c r="L19" s="271">
        <v>50</v>
      </c>
      <c r="M19" s="287" t="s">
        <v>203</v>
      </c>
    </row>
    <row r="20" spans="1:13" s="236" customFormat="1" ht="15" customHeight="1" x14ac:dyDescent="0.15">
      <c r="A20" s="275" t="s">
        <v>202</v>
      </c>
      <c r="B20" s="815" t="s">
        <v>140</v>
      </c>
      <c r="C20" s="816"/>
      <c r="D20" s="273" t="s">
        <v>164</v>
      </c>
      <c r="E20" s="817" t="s">
        <v>140</v>
      </c>
      <c r="F20" s="818"/>
      <c r="G20" s="819" t="s">
        <v>140</v>
      </c>
      <c r="H20" s="816"/>
      <c r="I20" s="274" t="s">
        <v>164</v>
      </c>
      <c r="J20" s="288" t="s">
        <v>164</v>
      </c>
      <c r="K20" s="272">
        <v>420</v>
      </c>
      <c r="L20" s="271">
        <v>50</v>
      </c>
      <c r="M20" s="278" t="s">
        <v>201</v>
      </c>
    </row>
    <row r="21" spans="1:13" s="236" customFormat="1" ht="20.399999999999999" customHeight="1" x14ac:dyDescent="0.15">
      <c r="A21" s="275" t="s">
        <v>200</v>
      </c>
      <c r="B21" s="815" t="s">
        <v>140</v>
      </c>
      <c r="C21" s="816"/>
      <c r="D21" s="273" t="s">
        <v>164</v>
      </c>
      <c r="E21" s="817" t="s">
        <v>140</v>
      </c>
      <c r="F21" s="818"/>
      <c r="G21" s="819" t="s">
        <v>140</v>
      </c>
      <c r="H21" s="816"/>
      <c r="I21" s="274" t="s">
        <v>164</v>
      </c>
      <c r="J21" s="288" t="s">
        <v>164</v>
      </c>
      <c r="K21" s="272">
        <v>420</v>
      </c>
      <c r="L21" s="271">
        <v>50</v>
      </c>
      <c r="M21" s="278" t="s">
        <v>199</v>
      </c>
    </row>
    <row r="22" spans="1:13" s="236" customFormat="1" ht="15" customHeight="1" x14ac:dyDescent="0.15">
      <c r="A22" s="275" t="s">
        <v>198</v>
      </c>
      <c r="B22" s="815" t="s">
        <v>140</v>
      </c>
      <c r="C22" s="816"/>
      <c r="D22" s="273" t="s">
        <v>164</v>
      </c>
      <c r="E22" s="817" t="s">
        <v>140</v>
      </c>
      <c r="F22" s="818"/>
      <c r="G22" s="819" t="s">
        <v>140</v>
      </c>
      <c r="H22" s="816"/>
      <c r="I22" s="274" t="s">
        <v>164</v>
      </c>
      <c r="J22" s="288" t="s">
        <v>164</v>
      </c>
      <c r="K22" s="272">
        <v>420</v>
      </c>
      <c r="L22" s="271">
        <v>50</v>
      </c>
      <c r="M22" s="278" t="s">
        <v>197</v>
      </c>
    </row>
    <row r="23" spans="1:13" s="236" customFormat="1" ht="15" customHeight="1" x14ac:dyDescent="0.15">
      <c r="A23" s="275" t="s">
        <v>196</v>
      </c>
      <c r="B23" s="815" t="s">
        <v>140</v>
      </c>
      <c r="C23" s="816"/>
      <c r="D23" s="273" t="s">
        <v>164</v>
      </c>
      <c r="E23" s="817" t="s">
        <v>140</v>
      </c>
      <c r="F23" s="818"/>
      <c r="G23" s="819" t="s">
        <v>140</v>
      </c>
      <c r="H23" s="816"/>
      <c r="I23" s="274" t="s">
        <v>164</v>
      </c>
      <c r="J23" s="288" t="s">
        <v>164</v>
      </c>
      <c r="K23" s="272">
        <v>420</v>
      </c>
      <c r="L23" s="271">
        <v>50</v>
      </c>
      <c r="M23" s="278" t="s">
        <v>195</v>
      </c>
    </row>
    <row r="24" spans="1:13" s="236" customFormat="1" ht="15" customHeight="1" x14ac:dyDescent="0.15">
      <c r="A24" s="290" t="s">
        <v>194</v>
      </c>
      <c r="B24" s="835" t="s">
        <v>140</v>
      </c>
      <c r="C24" s="836"/>
      <c r="D24" s="289" t="s">
        <v>164</v>
      </c>
      <c r="E24" s="837" t="s">
        <v>140</v>
      </c>
      <c r="F24" s="838"/>
      <c r="G24" s="819" t="s">
        <v>246</v>
      </c>
      <c r="H24" s="829"/>
      <c r="I24" s="274" t="s">
        <v>164</v>
      </c>
      <c r="J24" s="288" t="s">
        <v>164</v>
      </c>
      <c r="K24" s="272">
        <v>420</v>
      </c>
      <c r="L24" s="283">
        <v>50</v>
      </c>
      <c r="M24" s="287" t="s">
        <v>193</v>
      </c>
    </row>
    <row r="25" spans="1:13" s="236" customFormat="1" ht="15" customHeight="1" x14ac:dyDescent="0.15">
      <c r="A25" s="286" t="s">
        <v>192</v>
      </c>
      <c r="B25" s="815" t="s">
        <v>140</v>
      </c>
      <c r="C25" s="816"/>
      <c r="D25" s="281" t="s">
        <v>160</v>
      </c>
      <c r="E25" s="817" t="s">
        <v>140</v>
      </c>
      <c r="F25" s="818"/>
      <c r="G25" s="834" t="s">
        <v>246</v>
      </c>
      <c r="H25" s="831"/>
      <c r="I25" s="274" t="s">
        <v>248</v>
      </c>
      <c r="J25" s="276" t="s">
        <v>160</v>
      </c>
      <c r="K25" s="272">
        <v>420</v>
      </c>
      <c r="L25" s="279">
        <v>50</v>
      </c>
      <c r="M25" s="278" t="s">
        <v>249</v>
      </c>
    </row>
    <row r="26" spans="1:13" s="236" customFormat="1" ht="20.399999999999999" customHeight="1" x14ac:dyDescent="0.15">
      <c r="A26" s="275" t="s">
        <v>191</v>
      </c>
      <c r="B26" s="815" t="s">
        <v>246</v>
      </c>
      <c r="C26" s="816"/>
      <c r="D26" s="276" t="s">
        <v>245</v>
      </c>
      <c r="E26" s="817" t="s">
        <v>140</v>
      </c>
      <c r="F26" s="818"/>
      <c r="G26" s="819" t="s">
        <v>140</v>
      </c>
      <c r="H26" s="816"/>
      <c r="I26" s="274" t="s">
        <v>160</v>
      </c>
      <c r="J26" s="276" t="s">
        <v>160</v>
      </c>
      <c r="K26" s="272">
        <v>420</v>
      </c>
      <c r="L26" s="271">
        <v>50</v>
      </c>
      <c r="M26" s="278" t="s">
        <v>190</v>
      </c>
    </row>
    <row r="27" spans="1:13" s="236" customFormat="1" ht="15" customHeight="1" thickBot="1" x14ac:dyDescent="0.2">
      <c r="A27" s="286" t="s">
        <v>189</v>
      </c>
      <c r="B27" s="815" t="s">
        <v>140</v>
      </c>
      <c r="C27" s="816"/>
      <c r="D27" s="281" t="s">
        <v>160</v>
      </c>
      <c r="E27" s="817" t="s">
        <v>140</v>
      </c>
      <c r="F27" s="818"/>
      <c r="G27" s="819" t="s">
        <v>140</v>
      </c>
      <c r="H27" s="816"/>
      <c r="I27" s="285" t="s">
        <v>160</v>
      </c>
      <c r="J27" s="281" t="s">
        <v>160</v>
      </c>
      <c r="K27" s="284">
        <v>420</v>
      </c>
      <c r="L27" s="283">
        <v>50</v>
      </c>
      <c r="M27" s="282" t="s">
        <v>188</v>
      </c>
    </row>
    <row r="28" spans="1:13" s="236" customFormat="1" ht="20.399999999999999" customHeight="1" thickTop="1" x14ac:dyDescent="0.15">
      <c r="A28" s="275" t="s">
        <v>187</v>
      </c>
      <c r="B28" s="830" t="s">
        <v>140</v>
      </c>
      <c r="C28" s="831"/>
      <c r="D28" s="276" t="s">
        <v>160</v>
      </c>
      <c r="E28" s="832" t="s">
        <v>140</v>
      </c>
      <c r="F28" s="833"/>
      <c r="G28" s="834" t="s">
        <v>140</v>
      </c>
      <c r="H28" s="831"/>
      <c r="I28" s="281" t="s">
        <v>160</v>
      </c>
      <c r="J28" s="276" t="s">
        <v>245</v>
      </c>
      <c r="K28" s="280">
        <v>420</v>
      </c>
      <c r="L28" s="279">
        <v>50</v>
      </c>
      <c r="M28" s="278" t="s">
        <v>186</v>
      </c>
    </row>
    <row r="29" spans="1:13" s="236" customFormat="1" ht="15" customHeight="1" x14ac:dyDescent="0.15">
      <c r="A29" s="275" t="s">
        <v>185</v>
      </c>
      <c r="B29" s="815" t="s">
        <v>140</v>
      </c>
      <c r="C29" s="816"/>
      <c r="D29" s="276" t="s">
        <v>164</v>
      </c>
      <c r="E29" s="817" t="s">
        <v>140</v>
      </c>
      <c r="F29" s="818"/>
      <c r="G29" s="819" t="s">
        <v>140</v>
      </c>
      <c r="H29" s="816"/>
      <c r="I29" s="274" t="s">
        <v>164</v>
      </c>
      <c r="J29" s="276" t="s">
        <v>164</v>
      </c>
      <c r="K29" s="272">
        <v>420</v>
      </c>
      <c r="L29" s="271">
        <v>50</v>
      </c>
      <c r="M29" s="278" t="s">
        <v>184</v>
      </c>
    </row>
    <row r="30" spans="1:13" s="236" customFormat="1" ht="20.399999999999999" customHeight="1" x14ac:dyDescent="0.15">
      <c r="A30" s="275" t="s">
        <v>183</v>
      </c>
      <c r="B30" s="815" t="s">
        <v>246</v>
      </c>
      <c r="C30" s="816"/>
      <c r="D30" s="276" t="s">
        <v>164</v>
      </c>
      <c r="E30" s="817" t="s">
        <v>140</v>
      </c>
      <c r="F30" s="818"/>
      <c r="G30" s="819" t="s">
        <v>140</v>
      </c>
      <c r="H30" s="816"/>
      <c r="I30" s="274" t="s">
        <v>164</v>
      </c>
      <c r="J30" s="276" t="s">
        <v>164</v>
      </c>
      <c r="K30" s="272">
        <v>420</v>
      </c>
      <c r="L30" s="271">
        <v>50</v>
      </c>
      <c r="M30" s="277" t="s">
        <v>182</v>
      </c>
    </row>
    <row r="31" spans="1:13" s="236" customFormat="1" ht="15" customHeight="1" x14ac:dyDescent="0.15">
      <c r="A31" s="275" t="s">
        <v>181</v>
      </c>
      <c r="B31" s="815" t="s">
        <v>140</v>
      </c>
      <c r="C31" s="816"/>
      <c r="D31" s="276" t="s">
        <v>164</v>
      </c>
      <c r="E31" s="817" t="s">
        <v>140</v>
      </c>
      <c r="F31" s="818"/>
      <c r="G31" s="819" t="s">
        <v>246</v>
      </c>
      <c r="H31" s="816"/>
      <c r="I31" s="274" t="s">
        <v>164</v>
      </c>
      <c r="J31" s="276" t="s">
        <v>164</v>
      </c>
      <c r="K31" s="272">
        <v>420</v>
      </c>
      <c r="L31" s="271">
        <v>50</v>
      </c>
      <c r="M31" s="278" t="s">
        <v>180</v>
      </c>
    </row>
    <row r="32" spans="1:13" s="236" customFormat="1" ht="15" customHeight="1" x14ac:dyDescent="0.15">
      <c r="A32" s="275" t="s">
        <v>179</v>
      </c>
      <c r="B32" s="815" t="s">
        <v>140</v>
      </c>
      <c r="C32" s="816"/>
      <c r="D32" s="276" t="s">
        <v>164</v>
      </c>
      <c r="E32" s="817" t="s">
        <v>178</v>
      </c>
      <c r="F32" s="818"/>
      <c r="G32" s="819" t="s">
        <v>178</v>
      </c>
      <c r="H32" s="816"/>
      <c r="I32" s="274" t="s">
        <v>164</v>
      </c>
      <c r="J32" s="276" t="s">
        <v>164</v>
      </c>
      <c r="K32" s="272">
        <v>420</v>
      </c>
      <c r="L32" s="271">
        <v>50</v>
      </c>
      <c r="M32" s="277" t="s">
        <v>177</v>
      </c>
    </row>
    <row r="33" spans="1:13" s="236" customFormat="1" ht="15" customHeight="1" x14ac:dyDescent="0.15">
      <c r="A33" s="275" t="s">
        <v>176</v>
      </c>
      <c r="B33" s="815" t="s">
        <v>140</v>
      </c>
      <c r="C33" s="816"/>
      <c r="D33" s="276" t="s">
        <v>164</v>
      </c>
      <c r="E33" s="817" t="s">
        <v>140</v>
      </c>
      <c r="F33" s="818"/>
      <c r="G33" s="819" t="s">
        <v>140</v>
      </c>
      <c r="H33" s="816"/>
      <c r="I33" s="274" t="s">
        <v>164</v>
      </c>
      <c r="J33" s="276" t="s">
        <v>164</v>
      </c>
      <c r="K33" s="272">
        <v>420</v>
      </c>
      <c r="L33" s="271">
        <v>50</v>
      </c>
      <c r="M33" s="277" t="s">
        <v>175</v>
      </c>
    </row>
    <row r="34" spans="1:13" s="236" customFormat="1" ht="20.399999999999999" customHeight="1" x14ac:dyDescent="0.15">
      <c r="A34" s="275" t="s">
        <v>174</v>
      </c>
      <c r="B34" s="815" t="s">
        <v>140</v>
      </c>
      <c r="C34" s="816"/>
      <c r="D34" s="276" t="s">
        <v>164</v>
      </c>
      <c r="E34" s="817" t="s">
        <v>140</v>
      </c>
      <c r="F34" s="818"/>
      <c r="G34" s="819" t="s">
        <v>140</v>
      </c>
      <c r="H34" s="816"/>
      <c r="I34" s="274" t="s">
        <v>164</v>
      </c>
      <c r="J34" s="276" t="s">
        <v>164</v>
      </c>
      <c r="K34" s="272">
        <v>420</v>
      </c>
      <c r="L34" s="271">
        <v>70</v>
      </c>
      <c r="M34" s="277" t="s">
        <v>173</v>
      </c>
    </row>
    <row r="35" spans="1:13" s="236" customFormat="1" ht="15" customHeight="1" x14ac:dyDescent="0.15">
      <c r="A35" s="275" t="s">
        <v>172</v>
      </c>
      <c r="B35" s="815" t="s">
        <v>140</v>
      </c>
      <c r="C35" s="816"/>
      <c r="D35" s="276" t="s">
        <v>164</v>
      </c>
      <c r="E35" s="817" t="s">
        <v>140</v>
      </c>
      <c r="F35" s="818"/>
      <c r="G35" s="819" t="s">
        <v>140</v>
      </c>
      <c r="H35" s="816"/>
      <c r="I35" s="274" t="s">
        <v>164</v>
      </c>
      <c r="J35" s="276" t="s">
        <v>164</v>
      </c>
      <c r="K35" s="272">
        <v>420</v>
      </c>
      <c r="L35" s="271">
        <v>50</v>
      </c>
      <c r="M35" s="277" t="s">
        <v>171</v>
      </c>
    </row>
    <row r="36" spans="1:13" s="236" customFormat="1" ht="20.399999999999999" customHeight="1" x14ac:dyDescent="0.15">
      <c r="A36" s="275" t="s">
        <v>170</v>
      </c>
      <c r="B36" s="815" t="s">
        <v>140</v>
      </c>
      <c r="C36" s="816"/>
      <c r="D36" s="276" t="s">
        <v>164</v>
      </c>
      <c r="E36" s="817" t="s">
        <v>140</v>
      </c>
      <c r="F36" s="818"/>
      <c r="G36" s="819" t="s">
        <v>140</v>
      </c>
      <c r="H36" s="816"/>
      <c r="I36" s="274" t="s">
        <v>164</v>
      </c>
      <c r="J36" s="276" t="s">
        <v>164</v>
      </c>
      <c r="K36" s="272">
        <v>420</v>
      </c>
      <c r="L36" s="271">
        <v>50</v>
      </c>
      <c r="M36" s="270" t="s">
        <v>169</v>
      </c>
    </row>
    <row r="37" spans="1:13" s="236" customFormat="1" ht="30.6" customHeight="1" x14ac:dyDescent="0.15">
      <c r="A37" s="275" t="s">
        <v>168</v>
      </c>
      <c r="B37" s="815" t="s">
        <v>167</v>
      </c>
      <c r="C37" s="828"/>
      <c r="D37" s="276" t="s">
        <v>164</v>
      </c>
      <c r="E37" s="817" t="s">
        <v>246</v>
      </c>
      <c r="F37" s="818"/>
      <c r="G37" s="819" t="s">
        <v>140</v>
      </c>
      <c r="H37" s="829"/>
      <c r="I37" s="274" t="s">
        <v>164</v>
      </c>
      <c r="J37" s="276" t="s">
        <v>164</v>
      </c>
      <c r="K37" s="272">
        <v>420</v>
      </c>
      <c r="L37" s="271">
        <v>50</v>
      </c>
      <c r="M37" s="277" t="s">
        <v>166</v>
      </c>
    </row>
    <row r="38" spans="1:13" s="236" customFormat="1" ht="19.2" x14ac:dyDescent="0.15">
      <c r="A38" s="275" t="s">
        <v>165</v>
      </c>
      <c r="B38" s="815" t="s">
        <v>140</v>
      </c>
      <c r="C38" s="816"/>
      <c r="D38" s="276" t="s">
        <v>164</v>
      </c>
      <c r="E38" s="817" t="s">
        <v>140</v>
      </c>
      <c r="F38" s="818"/>
      <c r="G38" s="819" t="s">
        <v>140</v>
      </c>
      <c r="H38" s="816"/>
      <c r="I38" s="274" t="s">
        <v>164</v>
      </c>
      <c r="J38" s="276" t="s">
        <v>164</v>
      </c>
      <c r="K38" s="272">
        <v>420</v>
      </c>
      <c r="L38" s="271">
        <v>50</v>
      </c>
      <c r="M38" s="270" t="s">
        <v>163</v>
      </c>
    </row>
    <row r="39" spans="1:13" s="236" customFormat="1" ht="15" customHeight="1" x14ac:dyDescent="0.15">
      <c r="A39" s="275" t="s">
        <v>162</v>
      </c>
      <c r="B39" s="815" t="s">
        <v>140</v>
      </c>
      <c r="C39" s="816"/>
      <c r="D39" s="273" t="s">
        <v>160</v>
      </c>
      <c r="E39" s="817" t="s">
        <v>140</v>
      </c>
      <c r="F39" s="818"/>
      <c r="G39" s="819" t="s">
        <v>140</v>
      </c>
      <c r="H39" s="816"/>
      <c r="I39" s="274" t="s">
        <v>160</v>
      </c>
      <c r="J39" s="273" t="s">
        <v>245</v>
      </c>
      <c r="K39" s="272">
        <v>420</v>
      </c>
      <c r="L39" s="271">
        <v>50</v>
      </c>
      <c r="M39" s="270" t="s">
        <v>159</v>
      </c>
    </row>
    <row r="40" spans="1:13" ht="15.75" customHeight="1" thickBot="1" x14ac:dyDescent="0.2">
      <c r="A40" s="269"/>
      <c r="B40" s="268" t="s">
        <v>158</v>
      </c>
      <c r="C40" s="266" t="s">
        <v>157</v>
      </c>
      <c r="D40" s="265"/>
      <c r="E40" s="268" t="s">
        <v>158</v>
      </c>
      <c r="F40" s="267" t="s">
        <v>157</v>
      </c>
      <c r="G40" s="267" t="s">
        <v>158</v>
      </c>
      <c r="H40" s="266" t="s">
        <v>157</v>
      </c>
      <c r="I40" s="264"/>
      <c r="J40" s="265"/>
      <c r="K40" s="264"/>
      <c r="L40" s="263"/>
      <c r="M40" s="262" t="s">
        <v>156</v>
      </c>
    </row>
    <row r="41" spans="1:13" ht="13.8" customHeight="1" thickTop="1" x14ac:dyDescent="0.15">
      <c r="A41" s="820" t="s">
        <v>250</v>
      </c>
      <c r="B41" s="821" t="s">
        <v>161</v>
      </c>
      <c r="C41" s="822" t="s">
        <v>161</v>
      </c>
      <c r="D41" s="261"/>
      <c r="E41" s="821" t="s">
        <v>140</v>
      </c>
      <c r="F41" s="823" t="s">
        <v>161</v>
      </c>
      <c r="G41" s="823" t="s">
        <v>161</v>
      </c>
      <c r="H41" s="822" t="s">
        <v>161</v>
      </c>
      <c r="I41" s="805" t="s">
        <v>155</v>
      </c>
      <c r="J41" s="806"/>
      <c r="K41" s="252">
        <v>420</v>
      </c>
      <c r="L41" s="256" t="s">
        <v>138</v>
      </c>
      <c r="M41" s="251" t="s">
        <v>154</v>
      </c>
    </row>
    <row r="42" spans="1:13" ht="13.8" customHeight="1" x14ac:dyDescent="0.15">
      <c r="A42" s="792"/>
      <c r="B42" s="794"/>
      <c r="C42" s="796"/>
      <c r="D42" s="247"/>
      <c r="E42" s="794"/>
      <c r="F42" s="798"/>
      <c r="G42" s="798"/>
      <c r="H42" s="796"/>
      <c r="I42" s="807"/>
      <c r="J42" s="808"/>
      <c r="K42" s="250"/>
      <c r="L42" s="249"/>
      <c r="M42" s="248" t="s">
        <v>153</v>
      </c>
    </row>
    <row r="43" spans="1:13" s="236" customFormat="1" ht="13.8" customHeight="1" x14ac:dyDescent="0.15">
      <c r="A43" s="811" t="s">
        <v>251</v>
      </c>
      <c r="B43" s="824" t="s">
        <v>161</v>
      </c>
      <c r="C43" s="813" t="s">
        <v>140</v>
      </c>
      <c r="D43" s="260"/>
      <c r="E43" s="824" t="s">
        <v>161</v>
      </c>
      <c r="F43" s="826" t="s">
        <v>161</v>
      </c>
      <c r="G43" s="826" t="s">
        <v>161</v>
      </c>
      <c r="H43" s="813" t="s">
        <v>140</v>
      </c>
      <c r="I43" s="807"/>
      <c r="J43" s="808"/>
      <c r="K43" s="252">
        <v>420</v>
      </c>
      <c r="L43" s="256" t="s">
        <v>138</v>
      </c>
      <c r="M43" s="259" t="s">
        <v>152</v>
      </c>
    </row>
    <row r="44" spans="1:13" s="236" customFormat="1" ht="13.8" customHeight="1" x14ac:dyDescent="0.15">
      <c r="A44" s="812"/>
      <c r="B44" s="825"/>
      <c r="C44" s="814"/>
      <c r="D44" s="258" t="s">
        <v>151</v>
      </c>
      <c r="E44" s="825"/>
      <c r="F44" s="827"/>
      <c r="G44" s="827"/>
      <c r="H44" s="814"/>
      <c r="I44" s="807"/>
      <c r="J44" s="808"/>
      <c r="K44" s="250"/>
      <c r="L44" s="255"/>
      <c r="M44" s="257" t="s">
        <v>150</v>
      </c>
    </row>
    <row r="45" spans="1:13" ht="13.8" customHeight="1" x14ac:dyDescent="0.15">
      <c r="A45" s="791" t="s">
        <v>252</v>
      </c>
      <c r="B45" s="793" t="s">
        <v>161</v>
      </c>
      <c r="C45" s="795" t="s">
        <v>140</v>
      </c>
      <c r="D45" s="254" t="s">
        <v>149</v>
      </c>
      <c r="E45" s="793" t="s">
        <v>140</v>
      </c>
      <c r="F45" s="797" t="s">
        <v>161</v>
      </c>
      <c r="G45" s="797" t="s">
        <v>161</v>
      </c>
      <c r="H45" s="795" t="s">
        <v>140</v>
      </c>
      <c r="I45" s="807"/>
      <c r="J45" s="808"/>
      <c r="K45" s="246">
        <v>420</v>
      </c>
      <c r="L45" s="256" t="s">
        <v>253</v>
      </c>
      <c r="M45" s="251" t="s">
        <v>148</v>
      </c>
    </row>
    <row r="46" spans="1:13" ht="13.8" customHeight="1" x14ac:dyDescent="0.15">
      <c r="A46" s="792"/>
      <c r="B46" s="794"/>
      <c r="C46" s="796"/>
      <c r="D46" s="254" t="s">
        <v>147</v>
      </c>
      <c r="E46" s="794"/>
      <c r="F46" s="798"/>
      <c r="G46" s="798"/>
      <c r="H46" s="796"/>
      <c r="I46" s="807"/>
      <c r="J46" s="808"/>
      <c r="K46" s="250"/>
      <c r="L46" s="255"/>
      <c r="M46" s="248" t="s">
        <v>146</v>
      </c>
    </row>
    <row r="47" spans="1:13" ht="13.8" customHeight="1" x14ac:dyDescent="0.15">
      <c r="A47" s="791" t="s">
        <v>254</v>
      </c>
      <c r="B47" s="793" t="s">
        <v>161</v>
      </c>
      <c r="C47" s="795" t="s">
        <v>161</v>
      </c>
      <c r="D47" s="254" t="s">
        <v>145</v>
      </c>
      <c r="E47" s="793" t="s">
        <v>140</v>
      </c>
      <c r="F47" s="797" t="s">
        <v>140</v>
      </c>
      <c r="G47" s="797" t="s">
        <v>161</v>
      </c>
      <c r="H47" s="795" t="s">
        <v>140</v>
      </c>
      <c r="I47" s="807"/>
      <c r="J47" s="808"/>
      <c r="K47" s="252">
        <v>420</v>
      </c>
      <c r="L47" s="253" t="s">
        <v>253</v>
      </c>
      <c r="M47" s="251" t="s">
        <v>144</v>
      </c>
    </row>
    <row r="48" spans="1:13" ht="13.8" customHeight="1" x14ac:dyDescent="0.15">
      <c r="A48" s="792"/>
      <c r="B48" s="794"/>
      <c r="C48" s="796"/>
      <c r="D48" s="247"/>
      <c r="E48" s="794"/>
      <c r="F48" s="798"/>
      <c r="G48" s="798"/>
      <c r="H48" s="796"/>
      <c r="I48" s="807"/>
      <c r="J48" s="808"/>
      <c r="K48" s="250"/>
      <c r="L48" s="249"/>
      <c r="M48" s="248" t="s">
        <v>143</v>
      </c>
    </row>
    <row r="49" spans="1:13" ht="13.8" customHeight="1" x14ac:dyDescent="0.15">
      <c r="A49" s="791" t="s">
        <v>255</v>
      </c>
      <c r="B49" s="793" t="s">
        <v>161</v>
      </c>
      <c r="C49" s="795" t="s">
        <v>161</v>
      </c>
      <c r="D49" s="247"/>
      <c r="E49" s="793" t="s">
        <v>161</v>
      </c>
      <c r="F49" s="797" t="s">
        <v>140</v>
      </c>
      <c r="G49" s="797" t="s">
        <v>140</v>
      </c>
      <c r="H49" s="795" t="s">
        <v>161</v>
      </c>
      <c r="I49" s="807"/>
      <c r="J49" s="808"/>
      <c r="K49" s="252">
        <v>420</v>
      </c>
      <c r="L49" s="245">
        <v>100</v>
      </c>
      <c r="M49" s="251" t="s">
        <v>142</v>
      </c>
    </row>
    <row r="50" spans="1:13" ht="13.8" customHeight="1" x14ac:dyDescent="0.15">
      <c r="A50" s="792"/>
      <c r="B50" s="794"/>
      <c r="C50" s="796"/>
      <c r="D50" s="247"/>
      <c r="E50" s="794"/>
      <c r="F50" s="798"/>
      <c r="G50" s="798"/>
      <c r="H50" s="796"/>
      <c r="I50" s="807"/>
      <c r="J50" s="808"/>
      <c r="K50" s="250"/>
      <c r="L50" s="249" t="s">
        <v>138</v>
      </c>
      <c r="M50" s="248" t="s">
        <v>141</v>
      </c>
    </row>
    <row r="51" spans="1:13" ht="13.8" customHeight="1" x14ac:dyDescent="0.15">
      <c r="A51" s="791" t="s">
        <v>256</v>
      </c>
      <c r="B51" s="793" t="s">
        <v>140</v>
      </c>
      <c r="C51" s="795" t="s">
        <v>140</v>
      </c>
      <c r="D51" s="247"/>
      <c r="E51" s="793" t="s">
        <v>161</v>
      </c>
      <c r="F51" s="797" t="s">
        <v>161</v>
      </c>
      <c r="G51" s="797" t="s">
        <v>161</v>
      </c>
      <c r="H51" s="795" t="s">
        <v>161</v>
      </c>
      <c r="I51" s="807"/>
      <c r="J51" s="808"/>
      <c r="K51" s="246">
        <v>420</v>
      </c>
      <c r="L51" s="245">
        <v>80</v>
      </c>
      <c r="M51" s="244" t="s">
        <v>139</v>
      </c>
    </row>
    <row r="52" spans="1:13" ht="13.8" customHeight="1" thickBot="1" x14ac:dyDescent="0.2">
      <c r="A52" s="802"/>
      <c r="B52" s="803"/>
      <c r="C52" s="799"/>
      <c r="D52" s="243"/>
      <c r="E52" s="803"/>
      <c r="F52" s="804"/>
      <c r="G52" s="804"/>
      <c r="H52" s="799"/>
      <c r="I52" s="809"/>
      <c r="J52" s="810"/>
      <c r="K52" s="242"/>
      <c r="L52" s="241" t="s">
        <v>138</v>
      </c>
      <c r="M52" s="240" t="s">
        <v>137</v>
      </c>
    </row>
    <row r="53" spans="1:13" x14ac:dyDescent="0.15">
      <c r="A53" s="235" t="s">
        <v>136</v>
      </c>
      <c r="M53" s="800" t="s">
        <v>135</v>
      </c>
    </row>
    <row r="54" spans="1:13" x14ac:dyDescent="0.15">
      <c r="A54" s="235" t="s">
        <v>134</v>
      </c>
      <c r="M54" s="801"/>
    </row>
    <row r="55" spans="1:13" x14ac:dyDescent="0.15">
      <c r="A55" s="235" t="s">
        <v>133</v>
      </c>
      <c r="M55" s="239"/>
    </row>
    <row r="57" spans="1:13" ht="8.25" customHeight="1" x14ac:dyDescent="0.15"/>
    <row r="60" spans="1:13" ht="19.5" customHeight="1" x14ac:dyDescent="0.15">
      <c r="M60" s="237"/>
    </row>
    <row r="61" spans="1:13" x14ac:dyDescent="0.15">
      <c r="A61" s="238"/>
      <c r="M61" s="237"/>
    </row>
  </sheetData>
  <mergeCells count="155">
    <mergeCell ref="M3:M5"/>
    <mergeCell ref="A4:A5"/>
    <mergeCell ref="K5:K6"/>
    <mergeCell ref="L5:L6"/>
    <mergeCell ref="E6:F6"/>
    <mergeCell ref="G6:H6"/>
    <mergeCell ref="B3:C6"/>
    <mergeCell ref="D3:D5"/>
    <mergeCell ref="E3:H4"/>
    <mergeCell ref="I3:I5"/>
    <mergeCell ref="J3:J6"/>
    <mergeCell ref="K3:L4"/>
    <mergeCell ref="B9:C9"/>
    <mergeCell ref="E9:F9"/>
    <mergeCell ref="G9:H9"/>
    <mergeCell ref="B10:C10"/>
    <mergeCell ref="E10:F10"/>
    <mergeCell ref="G10:H10"/>
    <mergeCell ref="B7:C7"/>
    <mergeCell ref="E7:F7"/>
    <mergeCell ref="G7:H7"/>
    <mergeCell ref="B8:C8"/>
    <mergeCell ref="E8:F8"/>
    <mergeCell ref="G8:H8"/>
    <mergeCell ref="B13:C13"/>
    <mergeCell ref="E13:F13"/>
    <mergeCell ref="G13:H13"/>
    <mergeCell ref="B14:C14"/>
    <mergeCell ref="E14:F14"/>
    <mergeCell ref="G14:H14"/>
    <mergeCell ref="B11:C11"/>
    <mergeCell ref="E11:F11"/>
    <mergeCell ref="G11:H11"/>
    <mergeCell ref="B12:C12"/>
    <mergeCell ref="E12:F12"/>
    <mergeCell ref="G12:H12"/>
    <mergeCell ref="B17:C17"/>
    <mergeCell ref="E17:F17"/>
    <mergeCell ref="G17:H17"/>
    <mergeCell ref="B18:C18"/>
    <mergeCell ref="E18:F18"/>
    <mergeCell ref="G18:H18"/>
    <mergeCell ref="B15:C15"/>
    <mergeCell ref="E15:F15"/>
    <mergeCell ref="G15:H15"/>
    <mergeCell ref="B16:C16"/>
    <mergeCell ref="E16:F16"/>
    <mergeCell ref="G16:H16"/>
    <mergeCell ref="B21:C21"/>
    <mergeCell ref="E21:F21"/>
    <mergeCell ref="G21:H21"/>
    <mergeCell ref="B22:C22"/>
    <mergeCell ref="E22:F22"/>
    <mergeCell ref="G22:H22"/>
    <mergeCell ref="B19:C19"/>
    <mergeCell ref="E19:F19"/>
    <mergeCell ref="G19:H19"/>
    <mergeCell ref="B20:C20"/>
    <mergeCell ref="E20:F20"/>
    <mergeCell ref="G20:H20"/>
    <mergeCell ref="B25:C25"/>
    <mergeCell ref="E25:F25"/>
    <mergeCell ref="G25:H25"/>
    <mergeCell ref="B26:C26"/>
    <mergeCell ref="E26:F26"/>
    <mergeCell ref="G26:H26"/>
    <mergeCell ref="B23:C23"/>
    <mergeCell ref="E23:F23"/>
    <mergeCell ref="G23:H23"/>
    <mergeCell ref="B24:C24"/>
    <mergeCell ref="E24:F24"/>
    <mergeCell ref="G24:H24"/>
    <mergeCell ref="B29:C29"/>
    <mergeCell ref="E29:F29"/>
    <mergeCell ref="G29:H29"/>
    <mergeCell ref="B30:C30"/>
    <mergeCell ref="E30:F30"/>
    <mergeCell ref="G30:H30"/>
    <mergeCell ref="B27:C27"/>
    <mergeCell ref="E27:F27"/>
    <mergeCell ref="G27:H27"/>
    <mergeCell ref="B28:C28"/>
    <mergeCell ref="E28:F28"/>
    <mergeCell ref="G28:H28"/>
    <mergeCell ref="B33:C33"/>
    <mergeCell ref="E33:F33"/>
    <mergeCell ref="G33:H33"/>
    <mergeCell ref="B34:C34"/>
    <mergeCell ref="E34:F34"/>
    <mergeCell ref="G34:H34"/>
    <mergeCell ref="B31:C31"/>
    <mergeCell ref="E31:F31"/>
    <mergeCell ref="G31:H31"/>
    <mergeCell ref="B32:C32"/>
    <mergeCell ref="E32:F32"/>
    <mergeCell ref="G32:H32"/>
    <mergeCell ref="B37:C37"/>
    <mergeCell ref="E37:F37"/>
    <mergeCell ref="G37:H37"/>
    <mergeCell ref="B38:C38"/>
    <mergeCell ref="E38:F38"/>
    <mergeCell ref="G38:H38"/>
    <mergeCell ref="B35:C35"/>
    <mergeCell ref="E35:F35"/>
    <mergeCell ref="G35:H35"/>
    <mergeCell ref="B36:C36"/>
    <mergeCell ref="E36:F36"/>
    <mergeCell ref="G36:H36"/>
    <mergeCell ref="H43:H44"/>
    <mergeCell ref="A45:A46"/>
    <mergeCell ref="B45:B46"/>
    <mergeCell ref="B39:C39"/>
    <mergeCell ref="E39:F39"/>
    <mergeCell ref="G39:H39"/>
    <mergeCell ref="A41:A42"/>
    <mergeCell ref="B41:B42"/>
    <mergeCell ref="C41:C42"/>
    <mergeCell ref="E41:E42"/>
    <mergeCell ref="F41:F42"/>
    <mergeCell ref="G41:G42"/>
    <mergeCell ref="H41:H42"/>
    <mergeCell ref="C45:C46"/>
    <mergeCell ref="E45:E46"/>
    <mergeCell ref="F45:F46"/>
    <mergeCell ref="G45:G46"/>
    <mergeCell ref="H45:H46"/>
    <mergeCell ref="B43:B44"/>
    <mergeCell ref="C43:C44"/>
    <mergeCell ref="E43:E44"/>
    <mergeCell ref="F43:F44"/>
    <mergeCell ref="G43:G44"/>
    <mergeCell ref="A47:A48"/>
    <mergeCell ref="B47:B48"/>
    <mergeCell ref="C47:C48"/>
    <mergeCell ref="E47:E48"/>
    <mergeCell ref="F47:F48"/>
    <mergeCell ref="H51:H52"/>
    <mergeCell ref="M53:M54"/>
    <mergeCell ref="A51:A52"/>
    <mergeCell ref="B51:B52"/>
    <mergeCell ref="C51:C52"/>
    <mergeCell ref="E51:E52"/>
    <mergeCell ref="F51:F52"/>
    <mergeCell ref="G51:G52"/>
    <mergeCell ref="G47:G48"/>
    <mergeCell ref="H47:H48"/>
    <mergeCell ref="A49:A50"/>
    <mergeCell ref="B49:B50"/>
    <mergeCell ref="C49:C50"/>
    <mergeCell ref="E49:E50"/>
    <mergeCell ref="F49:F50"/>
    <mergeCell ref="G49:G50"/>
    <mergeCell ref="H49:H50"/>
    <mergeCell ref="I41:J52"/>
    <mergeCell ref="A43:A44"/>
  </mergeCells>
  <phoneticPr fontId="12"/>
  <printOptions horizontalCentered="1" verticalCentered="1" gridLinesSet="0"/>
  <pageMargins left="0.78740157480314965" right="0.55118110236220474" top="0.39370078740157483" bottom="0.19685039370078741" header="0.19685039370078741" footer="0.19685039370078741"/>
  <pageSetup paperSize="9" scale="90" orientation="portrait" blackAndWhite="1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A52"/>
  <sheetViews>
    <sheetView zoomScaleNormal="100" zoomScaleSheetLayoutView="100" workbookViewId="0"/>
  </sheetViews>
  <sheetFormatPr defaultColWidth="9" defaultRowHeight="9.6" x14ac:dyDescent="0.15"/>
  <cols>
    <col min="1" max="1" width="3.6640625" style="316" customWidth="1"/>
    <col min="2" max="2" width="10" style="316" customWidth="1"/>
    <col min="3" max="3" width="9.33203125" style="316" customWidth="1"/>
    <col min="4" max="4" width="9.44140625" style="316" customWidth="1"/>
    <col min="5" max="5" width="14.33203125" style="316" customWidth="1"/>
    <col min="6" max="7" width="9.33203125" style="316" customWidth="1"/>
    <col min="8" max="8" width="14.33203125" style="316" customWidth="1"/>
    <col min="9" max="10" width="9.33203125" style="316" customWidth="1"/>
    <col min="11" max="11" width="14.33203125" style="316" customWidth="1"/>
    <col min="12" max="12" width="10" style="316" customWidth="1"/>
    <col min="13" max="13" width="9.33203125" style="316" customWidth="1"/>
    <col min="14" max="14" width="14.33203125" style="316" customWidth="1"/>
    <col min="15" max="15" width="3.6640625" style="320" customWidth="1"/>
    <col min="16" max="16" width="10" style="320" customWidth="1"/>
    <col min="17" max="17" width="10" style="316" customWidth="1"/>
    <col min="18" max="18" width="10.6640625" style="316" customWidth="1"/>
    <col min="19" max="19" width="12.44140625" style="316" customWidth="1"/>
    <col min="20" max="20" width="10" style="316" customWidth="1"/>
    <col min="21" max="21" width="10.6640625" style="316" customWidth="1"/>
    <col min="22" max="22" width="12.44140625" style="316" customWidth="1"/>
    <col min="23" max="23" width="10" style="316" customWidth="1"/>
    <col min="24" max="24" width="10.6640625" style="316" customWidth="1"/>
    <col min="25" max="25" width="12.44140625" style="316" customWidth="1"/>
    <col min="26" max="26" width="12.33203125" style="316" customWidth="1"/>
    <col min="27" max="27" width="17.44140625" style="316" customWidth="1"/>
    <col min="28" max="28" width="3.6640625" style="320" customWidth="1"/>
    <col min="29" max="29" width="10" style="320" customWidth="1"/>
    <col min="30" max="30" width="6.6640625" style="316" customWidth="1"/>
    <col min="31" max="31" width="6.88671875" style="316" customWidth="1"/>
    <col min="32" max="32" width="11.109375" style="316" customWidth="1"/>
    <col min="33" max="33" width="6.88671875" style="316" customWidth="1"/>
    <col min="34" max="34" width="11.109375" style="316" customWidth="1"/>
    <col min="35" max="35" width="7.44140625" style="316" customWidth="1"/>
    <col min="36" max="36" width="11.109375" style="316" customWidth="1"/>
    <col min="37" max="37" width="7.44140625" style="316" customWidth="1"/>
    <col min="38" max="38" width="11.109375" style="316" customWidth="1"/>
    <col min="39" max="39" width="6.88671875" style="316" customWidth="1"/>
    <col min="40" max="40" width="11.109375" style="316" customWidth="1"/>
    <col min="41" max="41" width="6.88671875" style="316" customWidth="1"/>
    <col min="42" max="42" width="10.6640625" style="316" customWidth="1"/>
    <col min="43" max="43" width="7.44140625" style="316" customWidth="1"/>
    <col min="44" max="44" width="11.88671875" style="316" customWidth="1"/>
    <col min="45" max="45" width="5.109375" style="316" bestFit="1" customWidth="1"/>
    <col min="46" max="46" width="11" style="316" customWidth="1"/>
    <col min="47" max="47" width="3.6640625" style="316" customWidth="1"/>
    <col min="48" max="48" width="10" style="316" customWidth="1"/>
    <col min="49" max="49" width="6.109375" style="316" customWidth="1"/>
    <col min="50" max="50" width="11.109375" style="316" customWidth="1"/>
    <col min="51" max="51" width="10.6640625" style="316" customWidth="1"/>
    <col min="52" max="52" width="17.6640625" style="316" customWidth="1"/>
    <col min="53" max="54" width="16.109375" style="316" customWidth="1"/>
    <col min="55" max="55" width="13.88671875" style="316" customWidth="1"/>
    <col min="56" max="56" width="9.6640625" style="316" customWidth="1"/>
    <col min="57" max="57" width="14.33203125" style="316" customWidth="1"/>
    <col min="58" max="58" width="5.109375" style="316" customWidth="1"/>
    <col min="59" max="59" width="10.88671875" style="316" customWidth="1"/>
    <col min="60" max="60" width="3.44140625" style="320" customWidth="1"/>
    <col min="61" max="61" width="10" style="320" customWidth="1"/>
    <col min="62" max="62" width="6.88671875" style="320" customWidth="1"/>
    <col min="63" max="63" width="12.44140625" style="320" customWidth="1"/>
    <col min="64" max="64" width="6.88671875" style="320" customWidth="1"/>
    <col min="65" max="65" width="12.44140625" style="320" customWidth="1"/>
    <col min="66" max="66" width="6.88671875" style="320" customWidth="1"/>
    <col min="67" max="67" width="9.88671875" style="320" customWidth="1"/>
    <col min="68" max="68" width="6.88671875" style="320" customWidth="1"/>
    <col min="69" max="69" width="8.44140625" style="320" customWidth="1"/>
    <col min="70" max="70" width="7" style="320" customWidth="1"/>
    <col min="71" max="71" width="10.6640625" style="320" customWidth="1"/>
    <col min="72" max="72" width="6.88671875" style="320" customWidth="1"/>
    <col min="73" max="73" width="13.88671875" style="320" customWidth="1"/>
    <col min="74" max="74" width="11.44140625" style="320" customWidth="1"/>
    <col min="75" max="75" width="14.88671875" style="320" customWidth="1"/>
    <col min="76" max="78" width="9" style="320"/>
    <col min="79" max="79" width="0" style="320" hidden="1" customWidth="1"/>
    <col min="80" max="16384" width="9" style="320"/>
  </cols>
  <sheetData>
    <row r="1" spans="1:79" s="314" customFormat="1" ht="18" customHeight="1" x14ac:dyDescent="0.2">
      <c r="A1" s="308" t="s">
        <v>257</v>
      </c>
      <c r="B1" s="308"/>
      <c r="C1" s="309"/>
      <c r="D1" s="308"/>
      <c r="E1" s="308"/>
      <c r="F1" s="308"/>
      <c r="G1" s="308"/>
      <c r="H1" s="308"/>
      <c r="I1" s="308"/>
      <c r="J1" s="308"/>
      <c r="K1" s="308"/>
      <c r="L1" s="308"/>
      <c r="M1" s="308"/>
      <c r="N1" s="975" t="s">
        <v>258</v>
      </c>
      <c r="O1" s="310" t="s">
        <v>259</v>
      </c>
      <c r="P1" s="310"/>
      <c r="Q1" s="308"/>
      <c r="R1" s="308"/>
      <c r="S1" s="308"/>
      <c r="T1" s="308"/>
      <c r="U1" s="308"/>
      <c r="V1" s="308"/>
      <c r="W1" s="308"/>
      <c r="X1" s="308"/>
      <c r="Y1" s="308"/>
      <c r="Z1" s="308"/>
      <c r="AA1" s="975" t="s">
        <v>258</v>
      </c>
      <c r="AB1" s="310" t="s">
        <v>260</v>
      </c>
      <c r="AC1" s="310"/>
      <c r="AD1" s="309"/>
      <c r="AE1" s="308"/>
      <c r="AF1" s="308"/>
      <c r="AG1" s="308"/>
      <c r="AH1" s="308"/>
      <c r="AI1" s="308"/>
      <c r="AJ1" s="308"/>
      <c r="AK1" s="308"/>
      <c r="AL1" s="308"/>
      <c r="AM1" s="308"/>
      <c r="AN1" s="308"/>
      <c r="AO1" s="308"/>
      <c r="AP1" s="308"/>
      <c r="AQ1" s="308"/>
      <c r="AR1" s="975" t="s">
        <v>258</v>
      </c>
      <c r="AS1" s="311"/>
      <c r="AT1" s="311"/>
      <c r="AU1" s="308" t="s">
        <v>261</v>
      </c>
      <c r="AV1" s="308"/>
      <c r="AW1" s="308"/>
      <c r="AX1" s="308"/>
      <c r="AY1" s="312"/>
      <c r="AZ1" s="308"/>
      <c r="BA1" s="309"/>
      <c r="BB1" s="308"/>
      <c r="BC1" s="308"/>
      <c r="BD1" s="308"/>
      <c r="BE1" s="313"/>
      <c r="BF1" s="313"/>
      <c r="BG1" s="975" t="s">
        <v>258</v>
      </c>
      <c r="BH1" s="310" t="s">
        <v>262</v>
      </c>
      <c r="BI1" s="310"/>
      <c r="BK1" s="310"/>
      <c r="BL1" s="310"/>
      <c r="BM1" s="310"/>
      <c r="BN1" s="310"/>
      <c r="BO1" s="310"/>
      <c r="BP1" s="310"/>
      <c r="BQ1" s="310"/>
      <c r="BR1" s="310"/>
      <c r="BS1" s="310"/>
      <c r="BT1" s="310"/>
      <c r="BU1" s="310"/>
      <c r="BV1" s="310"/>
      <c r="BW1" s="977" t="s">
        <v>258</v>
      </c>
    </row>
    <row r="2" spans="1:79" ht="4.5" customHeight="1" thickBot="1" x14ac:dyDescent="0.2">
      <c r="A2" s="315"/>
      <c r="B2" s="315"/>
      <c r="D2" s="315"/>
      <c r="E2" s="315"/>
      <c r="F2" s="315"/>
      <c r="G2" s="315"/>
      <c r="H2" s="315"/>
      <c r="I2" s="315"/>
      <c r="J2" s="315"/>
      <c r="K2" s="315"/>
      <c r="L2" s="315"/>
      <c r="M2" s="315"/>
      <c r="N2" s="976"/>
      <c r="O2" s="317"/>
      <c r="P2" s="317"/>
      <c r="Q2" s="315"/>
      <c r="R2" s="315"/>
      <c r="S2" s="315"/>
      <c r="T2" s="315"/>
      <c r="U2" s="315"/>
      <c r="V2" s="315"/>
      <c r="W2" s="315"/>
      <c r="X2" s="315"/>
      <c r="Y2" s="315"/>
      <c r="Z2" s="315"/>
      <c r="AA2" s="976"/>
      <c r="AB2" s="317"/>
      <c r="AC2" s="317"/>
      <c r="AE2" s="315"/>
      <c r="AF2" s="315"/>
      <c r="AG2" s="315"/>
      <c r="AH2" s="315"/>
      <c r="AI2" s="315"/>
      <c r="AJ2" s="315"/>
      <c r="AK2" s="315"/>
      <c r="AL2" s="315"/>
      <c r="AM2" s="315"/>
      <c r="AN2" s="315"/>
      <c r="AO2" s="315"/>
      <c r="AP2" s="315"/>
      <c r="AQ2" s="315"/>
      <c r="AR2" s="976"/>
      <c r="AS2" s="311"/>
      <c r="AT2" s="311"/>
      <c r="AU2" s="315"/>
      <c r="AV2" s="315"/>
      <c r="AW2" s="315"/>
      <c r="AX2" s="315"/>
      <c r="AY2" s="318"/>
      <c r="AZ2" s="315"/>
      <c r="BB2" s="315"/>
      <c r="BC2" s="315"/>
      <c r="BD2" s="315"/>
      <c r="BE2" s="319"/>
      <c r="BF2" s="319"/>
      <c r="BG2" s="975"/>
      <c r="BH2" s="317"/>
      <c r="BI2" s="317"/>
      <c r="BK2" s="317"/>
      <c r="BL2" s="317"/>
      <c r="BM2" s="317"/>
      <c r="BN2" s="317"/>
      <c r="BO2" s="321"/>
      <c r="BP2" s="317"/>
      <c r="BQ2" s="317"/>
      <c r="BR2" s="317"/>
      <c r="BS2" s="317"/>
      <c r="BT2" s="317"/>
      <c r="BU2" s="321"/>
      <c r="BV2" s="317"/>
      <c r="BW2" s="977"/>
    </row>
    <row r="3" spans="1:79" s="326" customFormat="1" ht="10.5" customHeight="1" x14ac:dyDescent="0.2">
      <c r="A3" s="953" t="s">
        <v>236</v>
      </c>
      <c r="B3" s="978"/>
      <c r="C3" s="322" t="s">
        <v>263</v>
      </c>
      <c r="D3" s="323"/>
      <c r="E3" s="323"/>
      <c r="F3" s="323"/>
      <c r="G3" s="323"/>
      <c r="H3" s="324"/>
      <c r="I3" s="323"/>
      <c r="J3" s="323"/>
      <c r="K3" s="323"/>
      <c r="L3" s="323"/>
      <c r="M3" s="323"/>
      <c r="N3" s="325"/>
      <c r="O3" s="911" t="s">
        <v>236</v>
      </c>
      <c r="P3" s="912"/>
      <c r="Q3" s="983" t="s">
        <v>264</v>
      </c>
      <c r="R3" s="984"/>
      <c r="S3" s="984"/>
      <c r="T3" s="984"/>
      <c r="U3" s="984"/>
      <c r="V3" s="984"/>
      <c r="W3" s="984"/>
      <c r="X3" s="984"/>
      <c r="Y3" s="984"/>
      <c r="Z3" s="984"/>
      <c r="AA3" s="985"/>
      <c r="AB3" s="911" t="s">
        <v>236</v>
      </c>
      <c r="AC3" s="912"/>
      <c r="AD3" s="970" t="s">
        <v>265</v>
      </c>
      <c r="AE3" s="967"/>
      <c r="AF3" s="967"/>
      <c r="AG3" s="967"/>
      <c r="AH3" s="967"/>
      <c r="AI3" s="967"/>
      <c r="AJ3" s="967"/>
      <c r="AK3" s="967"/>
      <c r="AL3" s="967"/>
      <c r="AM3" s="967"/>
      <c r="AN3" s="967"/>
      <c r="AO3" s="967"/>
      <c r="AP3" s="967"/>
      <c r="AQ3" s="967"/>
      <c r="AR3" s="967"/>
      <c r="AS3" s="986"/>
      <c r="AT3" s="987"/>
      <c r="AU3" s="953" t="s">
        <v>236</v>
      </c>
      <c r="AV3" s="954"/>
      <c r="AW3" s="959" t="s">
        <v>266</v>
      </c>
      <c r="AX3" s="960"/>
      <c r="AY3" s="961" t="s">
        <v>267</v>
      </c>
      <c r="AZ3" s="962"/>
      <c r="BA3" s="967" t="s">
        <v>268</v>
      </c>
      <c r="BB3" s="968"/>
      <c r="BC3" s="968"/>
      <c r="BD3" s="970" t="s">
        <v>269</v>
      </c>
      <c r="BE3" s="967"/>
      <c r="BF3" s="893" t="s">
        <v>270</v>
      </c>
      <c r="BG3" s="894"/>
      <c r="BH3" s="911" t="s">
        <v>236</v>
      </c>
      <c r="BI3" s="912"/>
      <c r="BJ3" s="917" t="s">
        <v>271</v>
      </c>
      <c r="BK3" s="918"/>
      <c r="BL3" s="918"/>
      <c r="BM3" s="918"/>
      <c r="BN3" s="918"/>
      <c r="BO3" s="918"/>
      <c r="BP3" s="918"/>
      <c r="BQ3" s="918"/>
      <c r="BR3" s="918"/>
      <c r="BS3" s="918"/>
      <c r="BT3" s="918"/>
      <c r="BU3" s="919"/>
      <c r="BV3" s="923" t="s">
        <v>272</v>
      </c>
      <c r="BW3" s="924"/>
    </row>
    <row r="4" spans="1:79" s="326" customFormat="1" ht="10.5" customHeight="1" x14ac:dyDescent="0.2">
      <c r="A4" s="955"/>
      <c r="B4" s="979"/>
      <c r="C4" s="327" t="s">
        <v>273</v>
      </c>
      <c r="D4" s="328"/>
      <c r="E4" s="328"/>
      <c r="F4" s="328"/>
      <c r="G4" s="328"/>
      <c r="H4" s="329"/>
      <c r="I4" s="328"/>
      <c r="J4" s="328"/>
      <c r="K4" s="328"/>
      <c r="L4" s="328"/>
      <c r="M4" s="328"/>
      <c r="N4" s="330"/>
      <c r="O4" s="913"/>
      <c r="P4" s="914"/>
      <c r="Q4" s="929" t="s">
        <v>274</v>
      </c>
      <c r="R4" s="930"/>
      <c r="S4" s="931"/>
      <c r="T4" s="935" t="s">
        <v>275</v>
      </c>
      <c r="U4" s="936"/>
      <c r="V4" s="899"/>
      <c r="W4" s="940" t="s">
        <v>276</v>
      </c>
      <c r="X4" s="936"/>
      <c r="Y4" s="899"/>
      <c r="Z4" s="940" t="s">
        <v>277</v>
      </c>
      <c r="AA4" s="941"/>
      <c r="AB4" s="913"/>
      <c r="AC4" s="914"/>
      <c r="AD4" s="943" t="s">
        <v>278</v>
      </c>
      <c r="AE4" s="945" t="s">
        <v>279</v>
      </c>
      <c r="AF4" s="946"/>
      <c r="AG4" s="946"/>
      <c r="AH4" s="946"/>
      <c r="AI4" s="946"/>
      <c r="AJ4" s="946"/>
      <c r="AK4" s="946"/>
      <c r="AL4" s="946"/>
      <c r="AM4" s="946"/>
      <c r="AN4" s="946"/>
      <c r="AO4" s="946"/>
      <c r="AP4" s="946"/>
      <c r="AQ4" s="946"/>
      <c r="AR4" s="946"/>
      <c r="AS4" s="947"/>
      <c r="AT4" s="948"/>
      <c r="AU4" s="955"/>
      <c r="AV4" s="956"/>
      <c r="AW4" s="949" t="s">
        <v>280</v>
      </c>
      <c r="AX4" s="950"/>
      <c r="AY4" s="963"/>
      <c r="AZ4" s="964"/>
      <c r="BA4" s="969"/>
      <c r="BB4" s="969"/>
      <c r="BC4" s="969"/>
      <c r="BD4" s="971"/>
      <c r="BE4" s="972"/>
      <c r="BF4" s="895"/>
      <c r="BG4" s="896"/>
      <c r="BH4" s="913"/>
      <c r="BI4" s="914"/>
      <c r="BJ4" s="920"/>
      <c r="BK4" s="921"/>
      <c r="BL4" s="921"/>
      <c r="BM4" s="921"/>
      <c r="BN4" s="921"/>
      <c r="BO4" s="921"/>
      <c r="BP4" s="921"/>
      <c r="BQ4" s="921"/>
      <c r="BR4" s="921"/>
      <c r="BS4" s="921"/>
      <c r="BT4" s="921"/>
      <c r="BU4" s="922"/>
      <c r="BV4" s="925"/>
      <c r="BW4" s="926"/>
    </row>
    <row r="5" spans="1:79" s="326" customFormat="1" ht="10.5" customHeight="1" x14ac:dyDescent="0.2">
      <c r="A5" s="955"/>
      <c r="B5" s="979"/>
      <c r="C5" s="988" t="s">
        <v>281</v>
      </c>
      <c r="D5" s="989"/>
      <c r="E5" s="990"/>
      <c r="F5" s="988" t="s">
        <v>282</v>
      </c>
      <c r="G5" s="989"/>
      <c r="H5" s="991"/>
      <c r="I5" s="992" t="s">
        <v>283</v>
      </c>
      <c r="J5" s="989"/>
      <c r="K5" s="990"/>
      <c r="L5" s="988" t="s">
        <v>284</v>
      </c>
      <c r="M5" s="989"/>
      <c r="N5" s="993"/>
      <c r="O5" s="913"/>
      <c r="P5" s="914"/>
      <c r="Q5" s="932"/>
      <c r="R5" s="933"/>
      <c r="S5" s="934"/>
      <c r="T5" s="937"/>
      <c r="U5" s="938"/>
      <c r="V5" s="939"/>
      <c r="W5" s="888"/>
      <c r="X5" s="938"/>
      <c r="Y5" s="939"/>
      <c r="Z5" s="888"/>
      <c r="AA5" s="942"/>
      <c r="AB5" s="913"/>
      <c r="AC5" s="914"/>
      <c r="AD5" s="944"/>
      <c r="AE5" s="888" t="s">
        <v>285</v>
      </c>
      <c r="AF5" s="889"/>
      <c r="AG5" s="888" t="s">
        <v>286</v>
      </c>
      <c r="AH5" s="890"/>
      <c r="AI5" s="885" t="s">
        <v>287</v>
      </c>
      <c r="AJ5" s="886"/>
      <c r="AK5" s="887" t="s">
        <v>288</v>
      </c>
      <c r="AL5" s="886"/>
      <c r="AM5" s="887" t="s">
        <v>289</v>
      </c>
      <c r="AN5" s="886"/>
      <c r="AO5" s="888" t="s">
        <v>290</v>
      </c>
      <c r="AP5" s="889"/>
      <c r="AQ5" s="888" t="s">
        <v>291</v>
      </c>
      <c r="AR5" s="890"/>
      <c r="AS5" s="891" t="s">
        <v>292</v>
      </c>
      <c r="AT5" s="892"/>
      <c r="AU5" s="955"/>
      <c r="AV5" s="956"/>
      <c r="AW5" s="951"/>
      <c r="AX5" s="952"/>
      <c r="AY5" s="965"/>
      <c r="AZ5" s="966"/>
      <c r="BA5" s="899" t="s">
        <v>293</v>
      </c>
      <c r="BB5" s="901" t="s">
        <v>294</v>
      </c>
      <c r="BC5" s="903" t="s">
        <v>295</v>
      </c>
      <c r="BD5" s="973"/>
      <c r="BE5" s="974"/>
      <c r="BF5" s="897"/>
      <c r="BG5" s="898"/>
      <c r="BH5" s="913"/>
      <c r="BI5" s="914"/>
      <c r="BJ5" s="905" t="s">
        <v>296</v>
      </c>
      <c r="BK5" s="906"/>
      <c r="BL5" s="907" t="s">
        <v>297</v>
      </c>
      <c r="BM5" s="906"/>
      <c r="BN5" s="908" t="s">
        <v>298</v>
      </c>
      <c r="BO5" s="909"/>
      <c r="BP5" s="908" t="s">
        <v>299</v>
      </c>
      <c r="BQ5" s="910"/>
      <c r="BR5" s="907" t="s">
        <v>37</v>
      </c>
      <c r="BS5" s="906"/>
      <c r="BT5" s="883" t="s">
        <v>300</v>
      </c>
      <c r="BU5" s="884"/>
      <c r="BV5" s="927"/>
      <c r="BW5" s="928"/>
    </row>
    <row r="6" spans="1:79" s="326" customFormat="1" ht="10.5" customHeight="1" thickBot="1" x14ac:dyDescent="0.25">
      <c r="A6" s="957"/>
      <c r="B6" s="980"/>
      <c r="C6" s="331" t="s">
        <v>301</v>
      </c>
      <c r="D6" s="332" t="s">
        <v>302</v>
      </c>
      <c r="E6" s="333" t="s">
        <v>303</v>
      </c>
      <c r="F6" s="331" t="s">
        <v>301</v>
      </c>
      <c r="G6" s="332" t="s">
        <v>302</v>
      </c>
      <c r="H6" s="334" t="s">
        <v>303</v>
      </c>
      <c r="I6" s="335" t="s">
        <v>301</v>
      </c>
      <c r="J6" s="332" t="s">
        <v>302</v>
      </c>
      <c r="K6" s="333" t="s">
        <v>303</v>
      </c>
      <c r="L6" s="331" t="s">
        <v>301</v>
      </c>
      <c r="M6" s="332" t="s">
        <v>302</v>
      </c>
      <c r="N6" s="336" t="s">
        <v>303</v>
      </c>
      <c r="O6" s="981"/>
      <c r="P6" s="982"/>
      <c r="Q6" s="337" t="s">
        <v>301</v>
      </c>
      <c r="R6" s="338" t="s">
        <v>304</v>
      </c>
      <c r="S6" s="339" t="s">
        <v>303</v>
      </c>
      <c r="T6" s="335" t="s">
        <v>301</v>
      </c>
      <c r="U6" s="332" t="s">
        <v>302</v>
      </c>
      <c r="V6" s="331" t="s">
        <v>303</v>
      </c>
      <c r="W6" s="331" t="s">
        <v>305</v>
      </c>
      <c r="X6" s="332" t="s">
        <v>302</v>
      </c>
      <c r="Y6" s="333" t="s">
        <v>303</v>
      </c>
      <c r="Z6" s="331" t="s">
        <v>306</v>
      </c>
      <c r="AA6" s="336" t="s">
        <v>303</v>
      </c>
      <c r="AB6" s="915"/>
      <c r="AC6" s="916"/>
      <c r="AD6" s="331" t="s">
        <v>306</v>
      </c>
      <c r="AE6" s="331" t="s">
        <v>306</v>
      </c>
      <c r="AF6" s="340" t="s">
        <v>303</v>
      </c>
      <c r="AG6" s="331" t="s">
        <v>306</v>
      </c>
      <c r="AH6" s="341" t="s">
        <v>303</v>
      </c>
      <c r="AI6" s="335" t="s">
        <v>306</v>
      </c>
      <c r="AJ6" s="340" t="s">
        <v>303</v>
      </c>
      <c r="AK6" s="331" t="s">
        <v>306</v>
      </c>
      <c r="AL6" s="340" t="s">
        <v>303</v>
      </c>
      <c r="AM6" s="331" t="s">
        <v>306</v>
      </c>
      <c r="AN6" s="340" t="s">
        <v>303</v>
      </c>
      <c r="AO6" s="331" t="s">
        <v>306</v>
      </c>
      <c r="AP6" s="340" t="s">
        <v>303</v>
      </c>
      <c r="AQ6" s="331" t="s">
        <v>306</v>
      </c>
      <c r="AR6" s="341" t="s">
        <v>307</v>
      </c>
      <c r="AS6" s="342" t="s">
        <v>308</v>
      </c>
      <c r="AT6" s="343" t="s">
        <v>307</v>
      </c>
      <c r="AU6" s="957"/>
      <c r="AV6" s="958"/>
      <c r="AW6" s="331" t="s">
        <v>306</v>
      </c>
      <c r="AX6" s="341" t="s">
        <v>303</v>
      </c>
      <c r="AY6" s="335" t="s">
        <v>306</v>
      </c>
      <c r="AZ6" s="344" t="s">
        <v>303</v>
      </c>
      <c r="BA6" s="900"/>
      <c r="BB6" s="902"/>
      <c r="BC6" s="904"/>
      <c r="BD6" s="342" t="s">
        <v>301</v>
      </c>
      <c r="BE6" s="333" t="s">
        <v>309</v>
      </c>
      <c r="BF6" s="345" t="s">
        <v>301</v>
      </c>
      <c r="BG6" s="346" t="s">
        <v>309</v>
      </c>
      <c r="BH6" s="915"/>
      <c r="BI6" s="916"/>
      <c r="BJ6" s="347" t="s">
        <v>301</v>
      </c>
      <c r="BK6" s="347" t="s">
        <v>303</v>
      </c>
      <c r="BL6" s="347" t="s">
        <v>301</v>
      </c>
      <c r="BM6" s="347" t="s">
        <v>303</v>
      </c>
      <c r="BN6" s="347" t="s">
        <v>301</v>
      </c>
      <c r="BO6" s="347" t="s">
        <v>310</v>
      </c>
      <c r="BP6" s="347" t="s">
        <v>301</v>
      </c>
      <c r="BQ6" s="347" t="s">
        <v>310</v>
      </c>
      <c r="BR6" s="347" t="s">
        <v>301</v>
      </c>
      <c r="BS6" s="348" t="s">
        <v>310</v>
      </c>
      <c r="BT6" s="347" t="s">
        <v>301</v>
      </c>
      <c r="BU6" s="349" t="s">
        <v>310</v>
      </c>
      <c r="BV6" s="350" t="s">
        <v>301</v>
      </c>
      <c r="BW6" s="351" t="s">
        <v>303</v>
      </c>
    </row>
    <row r="7" spans="1:79" s="326" customFormat="1" ht="12.9" customHeight="1" thickTop="1" x14ac:dyDescent="0.15">
      <c r="A7" s="352">
        <v>1</v>
      </c>
      <c r="B7" s="353" t="s">
        <v>311</v>
      </c>
      <c r="C7" s="354">
        <v>142852</v>
      </c>
      <c r="D7" s="354">
        <v>2040860</v>
      </c>
      <c r="E7" s="354">
        <v>86730741030</v>
      </c>
      <c r="F7" s="354">
        <v>6212096</v>
      </c>
      <c r="G7" s="354">
        <v>9614792</v>
      </c>
      <c r="H7" s="355">
        <v>89928454410</v>
      </c>
      <c r="I7" s="356">
        <v>1478049</v>
      </c>
      <c r="J7" s="357">
        <v>2611869</v>
      </c>
      <c r="K7" s="357">
        <v>19222987470</v>
      </c>
      <c r="L7" s="358">
        <v>7832997</v>
      </c>
      <c r="M7" s="358">
        <v>14267521</v>
      </c>
      <c r="N7" s="359">
        <v>195882182910</v>
      </c>
      <c r="O7" s="360">
        <v>1</v>
      </c>
      <c r="P7" s="361" t="s">
        <v>311</v>
      </c>
      <c r="Q7" s="356">
        <v>4562133</v>
      </c>
      <c r="R7" s="357">
        <v>5428061</v>
      </c>
      <c r="S7" s="357">
        <v>52265808060</v>
      </c>
      <c r="T7" s="356">
        <v>135189</v>
      </c>
      <c r="U7" s="357">
        <v>5190580</v>
      </c>
      <c r="V7" s="357">
        <v>3448353025</v>
      </c>
      <c r="W7" s="356">
        <v>29312</v>
      </c>
      <c r="X7" s="357">
        <v>193364</v>
      </c>
      <c r="Y7" s="357">
        <v>2182625515</v>
      </c>
      <c r="Z7" s="358">
        <v>12424442</v>
      </c>
      <c r="AA7" s="362">
        <v>253778969510</v>
      </c>
      <c r="AB7" s="360">
        <v>1</v>
      </c>
      <c r="AC7" s="363" t="s">
        <v>311</v>
      </c>
      <c r="AD7" s="356">
        <v>1757</v>
      </c>
      <c r="AE7" s="357">
        <v>14572</v>
      </c>
      <c r="AF7" s="357">
        <v>281162176</v>
      </c>
      <c r="AG7" s="357">
        <v>5596</v>
      </c>
      <c r="AH7" s="357">
        <v>217747748</v>
      </c>
      <c r="AI7" s="357">
        <v>245713</v>
      </c>
      <c r="AJ7" s="357">
        <v>1828034881</v>
      </c>
      <c r="AK7" s="357">
        <v>19903</v>
      </c>
      <c r="AL7" s="357">
        <v>624959270</v>
      </c>
      <c r="AM7" s="357">
        <v>13291</v>
      </c>
      <c r="AN7" s="357">
        <v>184404790</v>
      </c>
      <c r="AO7" s="357">
        <v>14</v>
      </c>
      <c r="AP7" s="357">
        <v>626628</v>
      </c>
      <c r="AQ7" s="358">
        <v>299089</v>
      </c>
      <c r="AR7" s="358">
        <v>3136935493</v>
      </c>
      <c r="AS7" s="364">
        <v>595</v>
      </c>
      <c r="AT7" s="365">
        <v>29900255</v>
      </c>
      <c r="AU7" s="352">
        <v>1</v>
      </c>
      <c r="AV7" s="353" t="s">
        <v>311</v>
      </c>
      <c r="AW7" s="356">
        <v>8</v>
      </c>
      <c r="AX7" s="357">
        <v>204416</v>
      </c>
      <c r="AY7" s="364">
        <v>12725296</v>
      </c>
      <c r="AZ7" s="366">
        <v>256916109419</v>
      </c>
      <c r="BA7" s="367">
        <v>188025724858</v>
      </c>
      <c r="BB7" s="356">
        <v>61689590032</v>
      </c>
      <c r="BC7" s="357">
        <v>7200794529</v>
      </c>
      <c r="BD7" s="356">
        <v>570427</v>
      </c>
      <c r="BE7" s="357">
        <v>26062186602</v>
      </c>
      <c r="BF7" s="357">
        <v>882</v>
      </c>
      <c r="BG7" s="368">
        <v>16413037</v>
      </c>
      <c r="BH7" s="360">
        <v>1</v>
      </c>
      <c r="BI7" s="369" t="s">
        <v>311</v>
      </c>
      <c r="BJ7" s="370">
        <v>2546</v>
      </c>
      <c r="BK7" s="370">
        <v>976696547</v>
      </c>
      <c r="BL7" s="370">
        <v>3879</v>
      </c>
      <c r="BM7" s="370">
        <v>193950000</v>
      </c>
      <c r="BN7" s="370">
        <v>0</v>
      </c>
      <c r="BO7" s="370">
        <v>0</v>
      </c>
      <c r="BP7" s="370">
        <v>0</v>
      </c>
      <c r="BQ7" s="370">
        <v>0</v>
      </c>
      <c r="BR7" s="370">
        <v>6</v>
      </c>
      <c r="BS7" s="370">
        <v>3800000</v>
      </c>
      <c r="BT7" s="370">
        <v>6431</v>
      </c>
      <c r="BU7" s="371">
        <v>1174446547</v>
      </c>
      <c r="BV7" s="372">
        <v>12731727</v>
      </c>
      <c r="BW7" s="373">
        <v>258090555966</v>
      </c>
      <c r="CA7" s="374" t="e">
        <v>#REF!</v>
      </c>
    </row>
    <row r="8" spans="1:79" s="326" customFormat="1" ht="12.9" customHeight="1" x14ac:dyDescent="0.15">
      <c r="A8" s="352">
        <v>2</v>
      </c>
      <c r="B8" s="375" t="s">
        <v>225</v>
      </c>
      <c r="C8" s="354">
        <v>52746</v>
      </c>
      <c r="D8" s="354">
        <v>746786</v>
      </c>
      <c r="E8" s="354">
        <v>31772869519</v>
      </c>
      <c r="F8" s="354">
        <v>2166327</v>
      </c>
      <c r="G8" s="354">
        <v>3386664</v>
      </c>
      <c r="H8" s="355">
        <v>31907331261</v>
      </c>
      <c r="I8" s="356">
        <v>529976</v>
      </c>
      <c r="J8" s="357">
        <v>939364</v>
      </c>
      <c r="K8" s="357">
        <v>6823633529</v>
      </c>
      <c r="L8" s="358">
        <v>2749049</v>
      </c>
      <c r="M8" s="358">
        <v>5072814</v>
      </c>
      <c r="N8" s="362">
        <v>70503834309</v>
      </c>
      <c r="O8" s="360">
        <v>2</v>
      </c>
      <c r="P8" s="361" t="s">
        <v>225</v>
      </c>
      <c r="Q8" s="356">
        <v>1625842</v>
      </c>
      <c r="R8" s="357">
        <v>1961063</v>
      </c>
      <c r="S8" s="357">
        <v>18804044148</v>
      </c>
      <c r="T8" s="356">
        <v>49987</v>
      </c>
      <c r="U8" s="357">
        <v>1897287</v>
      </c>
      <c r="V8" s="357">
        <v>1258879500</v>
      </c>
      <c r="W8" s="356">
        <v>9441</v>
      </c>
      <c r="X8" s="357">
        <v>65288</v>
      </c>
      <c r="Y8" s="357">
        <v>709267780</v>
      </c>
      <c r="Z8" s="358">
        <v>4384332</v>
      </c>
      <c r="AA8" s="362">
        <v>91276025737</v>
      </c>
      <c r="AB8" s="360">
        <v>2</v>
      </c>
      <c r="AC8" s="361" t="s">
        <v>225</v>
      </c>
      <c r="AD8" s="356">
        <v>1617</v>
      </c>
      <c r="AE8" s="357">
        <v>5516</v>
      </c>
      <c r="AF8" s="357">
        <v>88532217</v>
      </c>
      <c r="AG8" s="357">
        <v>1969</v>
      </c>
      <c r="AH8" s="357">
        <v>72690962</v>
      </c>
      <c r="AI8" s="357">
        <v>95380</v>
      </c>
      <c r="AJ8" s="357">
        <v>692435505</v>
      </c>
      <c r="AK8" s="357">
        <v>8988</v>
      </c>
      <c r="AL8" s="357">
        <v>313742852</v>
      </c>
      <c r="AM8" s="357">
        <v>5186</v>
      </c>
      <c r="AN8" s="357">
        <v>69668990</v>
      </c>
      <c r="AO8" s="357">
        <v>1</v>
      </c>
      <c r="AP8" s="357">
        <v>0</v>
      </c>
      <c r="AQ8" s="358">
        <v>117040</v>
      </c>
      <c r="AR8" s="358">
        <v>1237070526</v>
      </c>
      <c r="AS8" s="376">
        <v>172</v>
      </c>
      <c r="AT8" s="377">
        <v>5294909</v>
      </c>
      <c r="AU8" s="352">
        <v>2</v>
      </c>
      <c r="AV8" s="375" t="s">
        <v>225</v>
      </c>
      <c r="AW8" s="356">
        <v>9</v>
      </c>
      <c r="AX8" s="357">
        <v>475996</v>
      </c>
      <c r="AY8" s="364">
        <v>4502998</v>
      </c>
      <c r="AZ8" s="366">
        <v>92513572259</v>
      </c>
      <c r="BA8" s="367">
        <v>67483955905</v>
      </c>
      <c r="BB8" s="356">
        <v>22081557189</v>
      </c>
      <c r="BC8" s="357">
        <v>2948059165</v>
      </c>
      <c r="BD8" s="356">
        <v>194508</v>
      </c>
      <c r="BE8" s="357">
        <v>9381218016</v>
      </c>
      <c r="BF8" s="357">
        <v>418</v>
      </c>
      <c r="BG8" s="368">
        <v>16367537</v>
      </c>
      <c r="BH8" s="360">
        <v>2</v>
      </c>
      <c r="BI8" s="378" t="s">
        <v>225</v>
      </c>
      <c r="BJ8" s="379">
        <v>1056</v>
      </c>
      <c r="BK8" s="379">
        <v>444455819</v>
      </c>
      <c r="BL8" s="379">
        <v>1308</v>
      </c>
      <c r="BM8" s="379">
        <v>65400000</v>
      </c>
      <c r="BN8" s="379">
        <v>0</v>
      </c>
      <c r="BO8" s="379">
        <v>0</v>
      </c>
      <c r="BP8" s="379">
        <v>0</v>
      </c>
      <c r="BQ8" s="379">
        <v>0</v>
      </c>
      <c r="BR8" s="379">
        <v>0</v>
      </c>
      <c r="BS8" s="379">
        <v>0</v>
      </c>
      <c r="BT8" s="379">
        <v>2364</v>
      </c>
      <c r="BU8" s="380">
        <v>509855819</v>
      </c>
      <c r="BV8" s="381">
        <v>4505362</v>
      </c>
      <c r="BW8" s="382">
        <v>93023428078</v>
      </c>
      <c r="CA8" s="374" t="e">
        <v>#REF!</v>
      </c>
    </row>
    <row r="9" spans="1:79" s="326" customFormat="1" ht="12.9" customHeight="1" x14ac:dyDescent="0.15">
      <c r="A9" s="352">
        <v>3</v>
      </c>
      <c r="B9" s="375" t="s">
        <v>223</v>
      </c>
      <c r="C9" s="354">
        <v>19442</v>
      </c>
      <c r="D9" s="354">
        <v>272093</v>
      </c>
      <c r="E9" s="354">
        <v>11952497123</v>
      </c>
      <c r="F9" s="354">
        <v>863428</v>
      </c>
      <c r="G9" s="354">
        <v>1341091</v>
      </c>
      <c r="H9" s="355">
        <v>12845564060</v>
      </c>
      <c r="I9" s="356">
        <v>202607</v>
      </c>
      <c r="J9" s="357">
        <v>351210</v>
      </c>
      <c r="K9" s="357">
        <v>2542050900</v>
      </c>
      <c r="L9" s="358">
        <v>1085477</v>
      </c>
      <c r="M9" s="358">
        <v>1964394</v>
      </c>
      <c r="N9" s="362">
        <v>27340112083</v>
      </c>
      <c r="O9" s="360">
        <v>3</v>
      </c>
      <c r="P9" s="361" t="s">
        <v>223</v>
      </c>
      <c r="Q9" s="356">
        <v>663780</v>
      </c>
      <c r="R9" s="357">
        <v>786454</v>
      </c>
      <c r="S9" s="357">
        <v>7624841011</v>
      </c>
      <c r="T9" s="356">
        <v>18584</v>
      </c>
      <c r="U9" s="357">
        <v>693612</v>
      </c>
      <c r="V9" s="357">
        <v>462937003</v>
      </c>
      <c r="W9" s="356">
        <v>3326</v>
      </c>
      <c r="X9" s="357">
        <v>19713</v>
      </c>
      <c r="Y9" s="357">
        <v>232429760</v>
      </c>
      <c r="Z9" s="358">
        <v>1752583</v>
      </c>
      <c r="AA9" s="362">
        <v>35660319857</v>
      </c>
      <c r="AB9" s="360">
        <v>3</v>
      </c>
      <c r="AC9" s="361" t="s">
        <v>223</v>
      </c>
      <c r="AD9" s="356">
        <v>47</v>
      </c>
      <c r="AE9" s="357">
        <v>1697</v>
      </c>
      <c r="AF9" s="357">
        <v>51695047</v>
      </c>
      <c r="AG9" s="357">
        <v>633</v>
      </c>
      <c r="AH9" s="357">
        <v>25534380</v>
      </c>
      <c r="AI9" s="357">
        <v>28709</v>
      </c>
      <c r="AJ9" s="357">
        <v>217503136</v>
      </c>
      <c r="AK9" s="357">
        <v>2586</v>
      </c>
      <c r="AL9" s="357">
        <v>84369350</v>
      </c>
      <c r="AM9" s="357">
        <v>1476</v>
      </c>
      <c r="AN9" s="357">
        <v>19091300</v>
      </c>
      <c r="AO9" s="357">
        <v>1</v>
      </c>
      <c r="AP9" s="357">
        <v>6060</v>
      </c>
      <c r="AQ9" s="358">
        <v>35102</v>
      </c>
      <c r="AR9" s="358">
        <v>398199273</v>
      </c>
      <c r="AS9" s="376">
        <v>50</v>
      </c>
      <c r="AT9" s="377">
        <v>1395525</v>
      </c>
      <c r="AU9" s="352">
        <v>3</v>
      </c>
      <c r="AV9" s="375" t="s">
        <v>223</v>
      </c>
      <c r="AW9" s="356">
        <v>1</v>
      </c>
      <c r="AX9" s="357">
        <v>16960</v>
      </c>
      <c r="AY9" s="364">
        <v>1787733</v>
      </c>
      <c r="AZ9" s="366">
        <v>36058536090</v>
      </c>
      <c r="BA9" s="367">
        <v>26535636257</v>
      </c>
      <c r="BB9" s="356">
        <v>8544154374</v>
      </c>
      <c r="BC9" s="357">
        <v>978745459</v>
      </c>
      <c r="BD9" s="356">
        <v>72145</v>
      </c>
      <c r="BE9" s="357">
        <v>3758959498</v>
      </c>
      <c r="BF9" s="357">
        <v>240</v>
      </c>
      <c r="BG9" s="368">
        <v>7317179</v>
      </c>
      <c r="BH9" s="360">
        <v>3</v>
      </c>
      <c r="BI9" s="378" t="s">
        <v>223</v>
      </c>
      <c r="BJ9" s="379">
        <v>313</v>
      </c>
      <c r="BK9" s="379">
        <v>130811589</v>
      </c>
      <c r="BL9" s="379">
        <v>638</v>
      </c>
      <c r="BM9" s="379">
        <v>31900000</v>
      </c>
      <c r="BN9" s="379">
        <v>0</v>
      </c>
      <c r="BO9" s="379">
        <v>0</v>
      </c>
      <c r="BP9" s="379">
        <v>0</v>
      </c>
      <c r="BQ9" s="379">
        <v>0</v>
      </c>
      <c r="BR9" s="379">
        <v>0</v>
      </c>
      <c r="BS9" s="379">
        <v>0</v>
      </c>
      <c r="BT9" s="379">
        <v>951</v>
      </c>
      <c r="BU9" s="380">
        <v>162711589</v>
      </c>
      <c r="BV9" s="372">
        <v>1788684</v>
      </c>
      <c r="BW9" s="373">
        <v>36221247679</v>
      </c>
      <c r="CA9" s="374" t="e">
        <v>#REF!</v>
      </c>
    </row>
    <row r="10" spans="1:79" s="326" customFormat="1" ht="12.9" customHeight="1" x14ac:dyDescent="0.15">
      <c r="A10" s="352">
        <v>4</v>
      </c>
      <c r="B10" s="375" t="s">
        <v>221</v>
      </c>
      <c r="C10" s="354">
        <v>12097</v>
      </c>
      <c r="D10" s="354">
        <v>187166</v>
      </c>
      <c r="E10" s="354">
        <v>7027868245</v>
      </c>
      <c r="F10" s="354">
        <v>482215</v>
      </c>
      <c r="G10" s="354">
        <v>749445</v>
      </c>
      <c r="H10" s="355">
        <v>7481048873</v>
      </c>
      <c r="I10" s="356">
        <v>116231</v>
      </c>
      <c r="J10" s="357">
        <v>206810</v>
      </c>
      <c r="K10" s="357">
        <v>1486203990</v>
      </c>
      <c r="L10" s="358">
        <v>610543</v>
      </c>
      <c r="M10" s="358">
        <v>1143421</v>
      </c>
      <c r="N10" s="362">
        <v>15995121108</v>
      </c>
      <c r="O10" s="360">
        <v>4</v>
      </c>
      <c r="P10" s="361" t="s">
        <v>221</v>
      </c>
      <c r="Q10" s="356">
        <v>359284</v>
      </c>
      <c r="R10" s="357">
        <v>419771</v>
      </c>
      <c r="S10" s="357">
        <v>4267467798</v>
      </c>
      <c r="T10" s="356">
        <v>11515</v>
      </c>
      <c r="U10" s="357">
        <v>479223</v>
      </c>
      <c r="V10" s="357">
        <v>315889960</v>
      </c>
      <c r="W10" s="356">
        <v>2384</v>
      </c>
      <c r="X10" s="357">
        <v>14730</v>
      </c>
      <c r="Y10" s="357">
        <v>179077180</v>
      </c>
      <c r="Z10" s="358">
        <v>972211</v>
      </c>
      <c r="AA10" s="362">
        <v>20757556046</v>
      </c>
      <c r="AB10" s="360">
        <v>4</v>
      </c>
      <c r="AC10" s="361" t="s">
        <v>221</v>
      </c>
      <c r="AD10" s="356">
        <v>41</v>
      </c>
      <c r="AE10" s="357">
        <v>849</v>
      </c>
      <c r="AF10" s="357">
        <v>10997982</v>
      </c>
      <c r="AG10" s="357">
        <v>394</v>
      </c>
      <c r="AH10" s="357">
        <v>13573379</v>
      </c>
      <c r="AI10" s="357">
        <v>15286</v>
      </c>
      <c r="AJ10" s="357">
        <v>108705154</v>
      </c>
      <c r="AK10" s="357">
        <v>2559</v>
      </c>
      <c r="AL10" s="357">
        <v>80306765</v>
      </c>
      <c r="AM10" s="357">
        <v>1091</v>
      </c>
      <c r="AN10" s="357">
        <v>15781550</v>
      </c>
      <c r="AO10" s="357">
        <v>-2</v>
      </c>
      <c r="AP10" s="357">
        <v>-840000</v>
      </c>
      <c r="AQ10" s="358">
        <v>20177</v>
      </c>
      <c r="AR10" s="358">
        <v>228524830</v>
      </c>
      <c r="AS10" s="376">
        <v>19</v>
      </c>
      <c r="AT10" s="377">
        <v>1936741</v>
      </c>
      <c r="AU10" s="352">
        <v>4</v>
      </c>
      <c r="AV10" s="375" t="s">
        <v>221</v>
      </c>
      <c r="AW10" s="356">
        <v>1</v>
      </c>
      <c r="AX10" s="357">
        <v>38070</v>
      </c>
      <c r="AY10" s="364">
        <v>992430</v>
      </c>
      <c r="AZ10" s="366">
        <v>20986118946</v>
      </c>
      <c r="BA10" s="367">
        <v>15384108767</v>
      </c>
      <c r="BB10" s="356">
        <v>4830686012</v>
      </c>
      <c r="BC10" s="357">
        <v>771324167</v>
      </c>
      <c r="BD10" s="356">
        <v>39362</v>
      </c>
      <c r="BE10" s="357">
        <v>2126302669</v>
      </c>
      <c r="BF10" s="357">
        <v>24</v>
      </c>
      <c r="BG10" s="368">
        <v>580871</v>
      </c>
      <c r="BH10" s="360">
        <v>4</v>
      </c>
      <c r="BI10" s="378" t="s">
        <v>221</v>
      </c>
      <c r="BJ10" s="379">
        <v>175</v>
      </c>
      <c r="BK10" s="379">
        <v>72836560</v>
      </c>
      <c r="BL10" s="379">
        <v>388</v>
      </c>
      <c r="BM10" s="379">
        <v>19400000</v>
      </c>
      <c r="BN10" s="379">
        <v>0</v>
      </c>
      <c r="BO10" s="379">
        <v>0</v>
      </c>
      <c r="BP10" s="379">
        <v>0</v>
      </c>
      <c r="BQ10" s="379">
        <v>0</v>
      </c>
      <c r="BR10" s="379">
        <v>0</v>
      </c>
      <c r="BS10" s="379">
        <v>0</v>
      </c>
      <c r="BT10" s="379">
        <v>563</v>
      </c>
      <c r="BU10" s="380">
        <v>92236560</v>
      </c>
      <c r="BV10" s="372">
        <v>992993</v>
      </c>
      <c r="BW10" s="373">
        <v>21078355506</v>
      </c>
      <c r="CA10" s="374" t="e">
        <v>#REF!</v>
      </c>
    </row>
    <row r="11" spans="1:79" s="326" customFormat="1" ht="12.9" customHeight="1" x14ac:dyDescent="0.15">
      <c r="A11" s="352">
        <v>5</v>
      </c>
      <c r="B11" s="375" t="s">
        <v>219</v>
      </c>
      <c r="C11" s="354">
        <v>7212</v>
      </c>
      <c r="D11" s="354">
        <v>103103</v>
      </c>
      <c r="E11" s="354">
        <v>4166681450</v>
      </c>
      <c r="F11" s="354">
        <v>332562</v>
      </c>
      <c r="G11" s="354">
        <v>496478</v>
      </c>
      <c r="H11" s="355">
        <v>4814743831</v>
      </c>
      <c r="I11" s="356">
        <v>88155</v>
      </c>
      <c r="J11" s="357">
        <v>149511</v>
      </c>
      <c r="K11" s="357">
        <v>1110519500</v>
      </c>
      <c r="L11" s="358">
        <v>427929</v>
      </c>
      <c r="M11" s="358">
        <v>749092</v>
      </c>
      <c r="N11" s="362">
        <v>10091944781</v>
      </c>
      <c r="O11" s="360">
        <v>5</v>
      </c>
      <c r="P11" s="361" t="s">
        <v>219</v>
      </c>
      <c r="Q11" s="356">
        <v>243207</v>
      </c>
      <c r="R11" s="357">
        <v>287744</v>
      </c>
      <c r="S11" s="357">
        <v>2748646427</v>
      </c>
      <c r="T11" s="356">
        <v>6812</v>
      </c>
      <c r="U11" s="357">
        <v>269997</v>
      </c>
      <c r="V11" s="357">
        <v>178933896</v>
      </c>
      <c r="W11" s="356">
        <v>1170</v>
      </c>
      <c r="X11" s="357">
        <v>6626</v>
      </c>
      <c r="Y11" s="357">
        <v>73486560</v>
      </c>
      <c r="Z11" s="358">
        <v>672306</v>
      </c>
      <c r="AA11" s="362">
        <v>13093011664</v>
      </c>
      <c r="AB11" s="360">
        <v>5</v>
      </c>
      <c r="AC11" s="361" t="s">
        <v>219</v>
      </c>
      <c r="AD11" s="356">
        <v>18</v>
      </c>
      <c r="AE11" s="357">
        <v>946</v>
      </c>
      <c r="AF11" s="357">
        <v>10070020</v>
      </c>
      <c r="AG11" s="357">
        <v>527</v>
      </c>
      <c r="AH11" s="357">
        <v>16934451</v>
      </c>
      <c r="AI11" s="357">
        <v>9751</v>
      </c>
      <c r="AJ11" s="357">
        <v>67148529</v>
      </c>
      <c r="AK11" s="357">
        <v>1246</v>
      </c>
      <c r="AL11" s="357">
        <v>36741190</v>
      </c>
      <c r="AM11" s="357">
        <v>803</v>
      </c>
      <c r="AN11" s="357">
        <v>11188800</v>
      </c>
      <c r="AO11" s="357">
        <v>2</v>
      </c>
      <c r="AP11" s="357">
        <v>236679</v>
      </c>
      <c r="AQ11" s="358">
        <v>13275</v>
      </c>
      <c r="AR11" s="358">
        <v>142319669</v>
      </c>
      <c r="AS11" s="376">
        <v>45</v>
      </c>
      <c r="AT11" s="377">
        <v>685740</v>
      </c>
      <c r="AU11" s="352">
        <v>5</v>
      </c>
      <c r="AV11" s="375" t="s">
        <v>219</v>
      </c>
      <c r="AW11" s="356">
        <v>0</v>
      </c>
      <c r="AX11" s="357">
        <v>0</v>
      </c>
      <c r="AY11" s="364">
        <v>685599</v>
      </c>
      <c r="AZ11" s="366">
        <v>13235331333</v>
      </c>
      <c r="BA11" s="367">
        <v>9686244609</v>
      </c>
      <c r="BB11" s="356">
        <v>3102992650</v>
      </c>
      <c r="BC11" s="357">
        <v>446094074</v>
      </c>
      <c r="BD11" s="356">
        <v>20784</v>
      </c>
      <c r="BE11" s="357">
        <v>1203879469</v>
      </c>
      <c r="BF11" s="357">
        <v>42</v>
      </c>
      <c r="BG11" s="368">
        <v>1055588</v>
      </c>
      <c r="BH11" s="360">
        <v>5</v>
      </c>
      <c r="BI11" s="383" t="s">
        <v>219</v>
      </c>
      <c r="BJ11" s="379">
        <v>99</v>
      </c>
      <c r="BK11" s="379">
        <v>41580000</v>
      </c>
      <c r="BL11" s="379">
        <v>184</v>
      </c>
      <c r="BM11" s="379">
        <v>9200000</v>
      </c>
      <c r="BN11" s="379">
        <v>0</v>
      </c>
      <c r="BO11" s="379">
        <v>0</v>
      </c>
      <c r="BP11" s="379">
        <v>0</v>
      </c>
      <c r="BQ11" s="379">
        <v>0</v>
      </c>
      <c r="BR11" s="379">
        <v>0</v>
      </c>
      <c r="BS11" s="379">
        <v>0</v>
      </c>
      <c r="BT11" s="379">
        <v>283</v>
      </c>
      <c r="BU11" s="380">
        <v>50780000</v>
      </c>
      <c r="BV11" s="372">
        <v>685882</v>
      </c>
      <c r="BW11" s="373">
        <v>13286111333</v>
      </c>
      <c r="CA11" s="374" t="e">
        <v>#REF!</v>
      </c>
    </row>
    <row r="12" spans="1:79" s="326" customFormat="1" ht="12.9" customHeight="1" x14ac:dyDescent="0.15">
      <c r="A12" s="352">
        <v>6</v>
      </c>
      <c r="B12" s="375" t="s">
        <v>217</v>
      </c>
      <c r="C12" s="354">
        <v>16659</v>
      </c>
      <c r="D12" s="354">
        <v>249906</v>
      </c>
      <c r="E12" s="354">
        <v>9786483666</v>
      </c>
      <c r="F12" s="354">
        <v>759189</v>
      </c>
      <c r="G12" s="354">
        <v>1158096</v>
      </c>
      <c r="H12" s="355">
        <v>10917450246</v>
      </c>
      <c r="I12" s="356">
        <v>190974</v>
      </c>
      <c r="J12" s="357">
        <v>326454</v>
      </c>
      <c r="K12" s="357">
        <v>2368357310</v>
      </c>
      <c r="L12" s="358">
        <v>966822</v>
      </c>
      <c r="M12" s="358">
        <v>1734456</v>
      </c>
      <c r="N12" s="362">
        <v>23072291222</v>
      </c>
      <c r="O12" s="360">
        <v>6</v>
      </c>
      <c r="P12" s="361" t="s">
        <v>217</v>
      </c>
      <c r="Q12" s="356">
        <v>549726</v>
      </c>
      <c r="R12" s="357">
        <v>647203</v>
      </c>
      <c r="S12" s="357">
        <v>6090464448</v>
      </c>
      <c r="T12" s="356">
        <v>15885</v>
      </c>
      <c r="U12" s="357">
        <v>650158</v>
      </c>
      <c r="V12" s="357">
        <v>429182015</v>
      </c>
      <c r="W12" s="356">
        <v>3624</v>
      </c>
      <c r="X12" s="357">
        <v>22300</v>
      </c>
      <c r="Y12" s="357">
        <v>262519700</v>
      </c>
      <c r="Z12" s="358">
        <v>1520172</v>
      </c>
      <c r="AA12" s="362">
        <v>29854457385</v>
      </c>
      <c r="AB12" s="360">
        <v>6</v>
      </c>
      <c r="AC12" s="361" t="s">
        <v>217</v>
      </c>
      <c r="AD12" s="356">
        <v>98</v>
      </c>
      <c r="AE12" s="357">
        <v>1473</v>
      </c>
      <c r="AF12" s="357">
        <v>31526129</v>
      </c>
      <c r="AG12" s="357">
        <v>945</v>
      </c>
      <c r="AH12" s="357">
        <v>32211406</v>
      </c>
      <c r="AI12" s="357">
        <v>27863</v>
      </c>
      <c r="AJ12" s="357">
        <v>189677130</v>
      </c>
      <c r="AK12" s="357">
        <v>3550</v>
      </c>
      <c r="AL12" s="357">
        <v>89552905</v>
      </c>
      <c r="AM12" s="357">
        <v>3388</v>
      </c>
      <c r="AN12" s="357">
        <v>34558560</v>
      </c>
      <c r="AO12" s="357">
        <v>0</v>
      </c>
      <c r="AP12" s="357">
        <v>0</v>
      </c>
      <c r="AQ12" s="358">
        <v>37219</v>
      </c>
      <c r="AR12" s="358">
        <v>377526130</v>
      </c>
      <c r="AS12" s="376">
        <v>41</v>
      </c>
      <c r="AT12" s="377">
        <v>12988007</v>
      </c>
      <c r="AU12" s="352">
        <v>6</v>
      </c>
      <c r="AV12" s="375" t="s">
        <v>217</v>
      </c>
      <c r="AW12" s="356">
        <v>6</v>
      </c>
      <c r="AX12" s="357">
        <v>4598779</v>
      </c>
      <c r="AY12" s="364">
        <v>1557495</v>
      </c>
      <c r="AZ12" s="366">
        <v>30236582294</v>
      </c>
      <c r="BA12" s="367">
        <v>22135013973</v>
      </c>
      <c r="BB12" s="356">
        <v>6779611656</v>
      </c>
      <c r="BC12" s="357">
        <v>1321956665</v>
      </c>
      <c r="BD12" s="356">
        <v>50643</v>
      </c>
      <c r="BE12" s="357">
        <v>2997874127</v>
      </c>
      <c r="BF12" s="357">
        <v>94</v>
      </c>
      <c r="BG12" s="368">
        <v>1804444</v>
      </c>
      <c r="BH12" s="360">
        <v>6</v>
      </c>
      <c r="BI12" s="383" t="s">
        <v>217</v>
      </c>
      <c r="BJ12" s="379">
        <v>313</v>
      </c>
      <c r="BK12" s="379">
        <v>131460000</v>
      </c>
      <c r="BL12" s="379">
        <v>478</v>
      </c>
      <c r="BM12" s="379">
        <v>23900000</v>
      </c>
      <c r="BN12" s="379">
        <v>0</v>
      </c>
      <c r="BO12" s="379">
        <v>0</v>
      </c>
      <c r="BP12" s="379">
        <v>0</v>
      </c>
      <c r="BQ12" s="379">
        <v>0</v>
      </c>
      <c r="BR12" s="379">
        <v>0</v>
      </c>
      <c r="BS12" s="379">
        <v>0</v>
      </c>
      <c r="BT12" s="379">
        <v>791</v>
      </c>
      <c r="BU12" s="380">
        <v>155360000</v>
      </c>
      <c r="BV12" s="372">
        <v>1558286</v>
      </c>
      <c r="BW12" s="373">
        <v>30391942294</v>
      </c>
      <c r="CA12" s="374" t="e">
        <v>#REF!</v>
      </c>
    </row>
    <row r="13" spans="1:79" s="326" customFormat="1" ht="12.9" customHeight="1" x14ac:dyDescent="0.15">
      <c r="A13" s="352">
        <v>7</v>
      </c>
      <c r="B13" s="375" t="s">
        <v>216</v>
      </c>
      <c r="C13" s="354">
        <v>10431</v>
      </c>
      <c r="D13" s="354">
        <v>175205</v>
      </c>
      <c r="E13" s="354">
        <v>6058798818</v>
      </c>
      <c r="F13" s="354">
        <v>374000</v>
      </c>
      <c r="G13" s="354">
        <v>581941</v>
      </c>
      <c r="H13" s="355">
        <v>5788646078</v>
      </c>
      <c r="I13" s="356">
        <v>87857</v>
      </c>
      <c r="J13" s="357">
        <v>154970</v>
      </c>
      <c r="K13" s="357">
        <v>1165424920</v>
      </c>
      <c r="L13" s="358">
        <v>472288</v>
      </c>
      <c r="M13" s="358">
        <v>912116</v>
      </c>
      <c r="N13" s="362">
        <v>13012869816</v>
      </c>
      <c r="O13" s="360">
        <v>7</v>
      </c>
      <c r="P13" s="361" t="s">
        <v>216</v>
      </c>
      <c r="Q13" s="356">
        <v>269363</v>
      </c>
      <c r="R13" s="357">
        <v>321173</v>
      </c>
      <c r="S13" s="357">
        <v>3071054056</v>
      </c>
      <c r="T13" s="356">
        <v>9988</v>
      </c>
      <c r="U13" s="357">
        <v>467013</v>
      </c>
      <c r="V13" s="357">
        <v>309285636</v>
      </c>
      <c r="W13" s="356">
        <v>1434</v>
      </c>
      <c r="X13" s="357">
        <v>8423</v>
      </c>
      <c r="Y13" s="357">
        <v>103162220</v>
      </c>
      <c r="Z13" s="358">
        <v>743085</v>
      </c>
      <c r="AA13" s="362">
        <v>16496371728</v>
      </c>
      <c r="AB13" s="360">
        <v>7</v>
      </c>
      <c r="AC13" s="361" t="s">
        <v>216</v>
      </c>
      <c r="AD13" s="356">
        <v>98</v>
      </c>
      <c r="AE13" s="357">
        <v>497</v>
      </c>
      <c r="AF13" s="357">
        <v>7748902</v>
      </c>
      <c r="AG13" s="357">
        <v>400</v>
      </c>
      <c r="AH13" s="357">
        <v>13725017</v>
      </c>
      <c r="AI13" s="357">
        <v>13168</v>
      </c>
      <c r="AJ13" s="357">
        <v>88017655</v>
      </c>
      <c r="AK13" s="357">
        <v>1429</v>
      </c>
      <c r="AL13" s="357">
        <v>36230410</v>
      </c>
      <c r="AM13" s="357">
        <v>873</v>
      </c>
      <c r="AN13" s="357">
        <v>11586610</v>
      </c>
      <c r="AO13" s="357">
        <v>2</v>
      </c>
      <c r="AP13" s="357">
        <v>491110</v>
      </c>
      <c r="AQ13" s="358">
        <v>16369</v>
      </c>
      <c r="AR13" s="358">
        <v>157799704</v>
      </c>
      <c r="AS13" s="376">
        <v>10</v>
      </c>
      <c r="AT13" s="377">
        <v>556740</v>
      </c>
      <c r="AU13" s="352">
        <v>7</v>
      </c>
      <c r="AV13" s="375" t="s">
        <v>216</v>
      </c>
      <c r="AW13" s="356">
        <v>1</v>
      </c>
      <c r="AX13" s="357">
        <v>18140</v>
      </c>
      <c r="AY13" s="364">
        <v>759553</v>
      </c>
      <c r="AZ13" s="366">
        <v>16654189572</v>
      </c>
      <c r="BA13" s="367">
        <v>12199718640</v>
      </c>
      <c r="BB13" s="356">
        <v>4003101729</v>
      </c>
      <c r="BC13" s="357">
        <v>451369203</v>
      </c>
      <c r="BD13" s="356">
        <v>37029</v>
      </c>
      <c r="BE13" s="357">
        <v>1776625548</v>
      </c>
      <c r="BF13" s="357">
        <v>34</v>
      </c>
      <c r="BG13" s="368">
        <v>677088</v>
      </c>
      <c r="BH13" s="360">
        <v>7</v>
      </c>
      <c r="BI13" s="383" t="s">
        <v>216</v>
      </c>
      <c r="BJ13" s="379">
        <v>112</v>
      </c>
      <c r="BK13" s="379">
        <v>47040000</v>
      </c>
      <c r="BL13" s="379">
        <v>276</v>
      </c>
      <c r="BM13" s="379">
        <v>13800000</v>
      </c>
      <c r="BN13" s="379">
        <v>0</v>
      </c>
      <c r="BO13" s="379">
        <v>0</v>
      </c>
      <c r="BP13" s="379">
        <v>0</v>
      </c>
      <c r="BQ13" s="379">
        <v>0</v>
      </c>
      <c r="BR13" s="379">
        <v>0</v>
      </c>
      <c r="BS13" s="379">
        <v>0</v>
      </c>
      <c r="BT13" s="379">
        <v>388</v>
      </c>
      <c r="BU13" s="380">
        <v>60840000</v>
      </c>
      <c r="BV13" s="372">
        <v>759941</v>
      </c>
      <c r="BW13" s="373">
        <v>16715029572</v>
      </c>
      <c r="CA13" s="374" t="e">
        <v>#REF!</v>
      </c>
    </row>
    <row r="14" spans="1:79" s="326" customFormat="1" ht="12.9" customHeight="1" x14ac:dyDescent="0.15">
      <c r="A14" s="352">
        <v>8</v>
      </c>
      <c r="B14" s="375" t="s">
        <v>214</v>
      </c>
      <c r="C14" s="354">
        <v>10144</v>
      </c>
      <c r="D14" s="354">
        <v>142141</v>
      </c>
      <c r="E14" s="354">
        <v>5810153345</v>
      </c>
      <c r="F14" s="354">
        <v>429381</v>
      </c>
      <c r="G14" s="354">
        <v>640899</v>
      </c>
      <c r="H14" s="355">
        <v>6336843985</v>
      </c>
      <c r="I14" s="356">
        <v>107138</v>
      </c>
      <c r="J14" s="357">
        <v>184614</v>
      </c>
      <c r="K14" s="357">
        <v>1348046571</v>
      </c>
      <c r="L14" s="358">
        <v>546663</v>
      </c>
      <c r="M14" s="358">
        <v>967654</v>
      </c>
      <c r="N14" s="362">
        <v>13495043901</v>
      </c>
      <c r="O14" s="360">
        <v>8</v>
      </c>
      <c r="P14" s="361" t="s">
        <v>214</v>
      </c>
      <c r="Q14" s="356">
        <v>322822</v>
      </c>
      <c r="R14" s="357">
        <v>376772</v>
      </c>
      <c r="S14" s="357">
        <v>3674111772</v>
      </c>
      <c r="T14" s="356">
        <v>9469</v>
      </c>
      <c r="U14" s="357">
        <v>359823</v>
      </c>
      <c r="V14" s="357">
        <v>239001209</v>
      </c>
      <c r="W14" s="356">
        <v>1547</v>
      </c>
      <c r="X14" s="357">
        <v>8843</v>
      </c>
      <c r="Y14" s="357">
        <v>105066550</v>
      </c>
      <c r="Z14" s="358">
        <v>871032</v>
      </c>
      <c r="AA14" s="362">
        <v>17513223432</v>
      </c>
      <c r="AB14" s="360">
        <v>8</v>
      </c>
      <c r="AC14" s="361" t="s">
        <v>214</v>
      </c>
      <c r="AD14" s="356">
        <v>0</v>
      </c>
      <c r="AE14" s="357">
        <v>903</v>
      </c>
      <c r="AF14" s="357">
        <v>13700857</v>
      </c>
      <c r="AG14" s="357">
        <v>407</v>
      </c>
      <c r="AH14" s="357">
        <v>15065411</v>
      </c>
      <c r="AI14" s="357">
        <v>21436</v>
      </c>
      <c r="AJ14" s="357">
        <v>145525666</v>
      </c>
      <c r="AK14" s="357">
        <v>1894</v>
      </c>
      <c r="AL14" s="357">
        <v>51838465</v>
      </c>
      <c r="AM14" s="357">
        <v>920</v>
      </c>
      <c r="AN14" s="357">
        <v>10449060</v>
      </c>
      <c r="AO14" s="357">
        <v>0</v>
      </c>
      <c r="AP14" s="357">
        <v>0</v>
      </c>
      <c r="AQ14" s="358">
        <v>25560</v>
      </c>
      <c r="AR14" s="358">
        <v>236579459</v>
      </c>
      <c r="AS14" s="376">
        <v>38</v>
      </c>
      <c r="AT14" s="377">
        <v>4238936</v>
      </c>
      <c r="AU14" s="352">
        <v>8</v>
      </c>
      <c r="AV14" s="375" t="s">
        <v>214</v>
      </c>
      <c r="AW14" s="356">
        <v>0</v>
      </c>
      <c r="AX14" s="357">
        <v>0</v>
      </c>
      <c r="AY14" s="364">
        <v>896592</v>
      </c>
      <c r="AZ14" s="366">
        <v>17749802891</v>
      </c>
      <c r="BA14" s="367">
        <v>13024556262</v>
      </c>
      <c r="BB14" s="356">
        <v>4216585284</v>
      </c>
      <c r="BC14" s="357">
        <v>508661345</v>
      </c>
      <c r="BD14" s="356">
        <v>25518</v>
      </c>
      <c r="BE14" s="357">
        <v>1720451493</v>
      </c>
      <c r="BF14" s="357">
        <v>77</v>
      </c>
      <c r="BG14" s="368">
        <v>2924323</v>
      </c>
      <c r="BH14" s="360">
        <v>8</v>
      </c>
      <c r="BI14" s="383" t="s">
        <v>214</v>
      </c>
      <c r="BJ14" s="379">
        <v>145</v>
      </c>
      <c r="BK14" s="379">
        <v>61112214</v>
      </c>
      <c r="BL14" s="379">
        <v>319</v>
      </c>
      <c r="BM14" s="379">
        <v>15950000</v>
      </c>
      <c r="BN14" s="379">
        <v>0</v>
      </c>
      <c r="BO14" s="379">
        <v>0</v>
      </c>
      <c r="BP14" s="379">
        <v>0</v>
      </c>
      <c r="BQ14" s="379">
        <v>0</v>
      </c>
      <c r="BR14" s="379">
        <v>0</v>
      </c>
      <c r="BS14" s="379">
        <v>0</v>
      </c>
      <c r="BT14" s="379">
        <v>464</v>
      </c>
      <c r="BU14" s="380">
        <v>77062214</v>
      </c>
      <c r="BV14" s="372">
        <v>897056</v>
      </c>
      <c r="BW14" s="373">
        <v>17826865105</v>
      </c>
      <c r="CA14" s="374" t="e">
        <v>#REF!</v>
      </c>
    </row>
    <row r="15" spans="1:79" s="326" customFormat="1" ht="12.9" customHeight="1" x14ac:dyDescent="0.15">
      <c r="A15" s="352">
        <v>9</v>
      </c>
      <c r="B15" s="375" t="s">
        <v>212</v>
      </c>
      <c r="C15" s="354">
        <v>2649</v>
      </c>
      <c r="D15" s="354">
        <v>39759</v>
      </c>
      <c r="E15" s="354">
        <v>1630626640</v>
      </c>
      <c r="F15" s="354">
        <v>118797</v>
      </c>
      <c r="G15" s="354">
        <v>179200</v>
      </c>
      <c r="H15" s="355">
        <v>1750848380</v>
      </c>
      <c r="I15" s="356">
        <v>29510</v>
      </c>
      <c r="J15" s="357">
        <v>53966</v>
      </c>
      <c r="K15" s="357">
        <v>374695950</v>
      </c>
      <c r="L15" s="358">
        <v>150956</v>
      </c>
      <c r="M15" s="358">
        <v>272925</v>
      </c>
      <c r="N15" s="362">
        <v>3756170970</v>
      </c>
      <c r="O15" s="360">
        <v>9</v>
      </c>
      <c r="P15" s="361" t="s">
        <v>212</v>
      </c>
      <c r="Q15" s="356">
        <v>87857</v>
      </c>
      <c r="R15" s="357">
        <v>104419</v>
      </c>
      <c r="S15" s="357">
        <v>1024157790</v>
      </c>
      <c r="T15" s="356">
        <v>2535</v>
      </c>
      <c r="U15" s="357">
        <v>102963</v>
      </c>
      <c r="V15" s="357">
        <v>68846811</v>
      </c>
      <c r="W15" s="356">
        <v>541</v>
      </c>
      <c r="X15" s="357">
        <v>3031</v>
      </c>
      <c r="Y15" s="357">
        <v>31200310</v>
      </c>
      <c r="Z15" s="358">
        <v>239354</v>
      </c>
      <c r="AA15" s="362">
        <v>4880375881</v>
      </c>
      <c r="AB15" s="360">
        <v>9</v>
      </c>
      <c r="AC15" s="361" t="s">
        <v>212</v>
      </c>
      <c r="AD15" s="356">
        <v>16</v>
      </c>
      <c r="AE15" s="357">
        <v>385</v>
      </c>
      <c r="AF15" s="357">
        <v>8041645</v>
      </c>
      <c r="AG15" s="357">
        <v>135</v>
      </c>
      <c r="AH15" s="357">
        <v>5391339</v>
      </c>
      <c r="AI15" s="357">
        <v>4558</v>
      </c>
      <c r="AJ15" s="357">
        <v>36309381</v>
      </c>
      <c r="AK15" s="357">
        <v>452</v>
      </c>
      <c r="AL15" s="357">
        <v>13106060</v>
      </c>
      <c r="AM15" s="357">
        <v>364</v>
      </c>
      <c r="AN15" s="357">
        <v>3268480</v>
      </c>
      <c r="AO15" s="357">
        <v>1</v>
      </c>
      <c r="AP15" s="357">
        <v>60480</v>
      </c>
      <c r="AQ15" s="358">
        <v>5895</v>
      </c>
      <c r="AR15" s="358">
        <v>66177385</v>
      </c>
      <c r="AS15" s="376">
        <v>3</v>
      </c>
      <c r="AT15" s="377">
        <v>61505</v>
      </c>
      <c r="AU15" s="352">
        <v>9</v>
      </c>
      <c r="AV15" s="375" t="s">
        <v>212</v>
      </c>
      <c r="AW15" s="356">
        <v>1</v>
      </c>
      <c r="AX15" s="357">
        <v>31920</v>
      </c>
      <c r="AY15" s="364">
        <v>245266</v>
      </c>
      <c r="AZ15" s="366">
        <v>4946585186</v>
      </c>
      <c r="BA15" s="367">
        <v>3622220760</v>
      </c>
      <c r="BB15" s="356">
        <v>1197399676</v>
      </c>
      <c r="BC15" s="357">
        <v>126964750</v>
      </c>
      <c r="BD15" s="356">
        <v>8381</v>
      </c>
      <c r="BE15" s="357">
        <v>508946687</v>
      </c>
      <c r="BF15" s="357">
        <v>32</v>
      </c>
      <c r="BG15" s="368">
        <v>841872</v>
      </c>
      <c r="BH15" s="360">
        <v>9</v>
      </c>
      <c r="BI15" s="383" t="s">
        <v>212</v>
      </c>
      <c r="BJ15" s="379">
        <v>50</v>
      </c>
      <c r="BK15" s="379">
        <v>20669244</v>
      </c>
      <c r="BL15" s="379">
        <v>80</v>
      </c>
      <c r="BM15" s="379">
        <v>4000000</v>
      </c>
      <c r="BN15" s="379">
        <v>0</v>
      </c>
      <c r="BO15" s="379">
        <v>0</v>
      </c>
      <c r="BP15" s="379">
        <v>0</v>
      </c>
      <c r="BQ15" s="379">
        <v>0</v>
      </c>
      <c r="BR15" s="379">
        <v>0</v>
      </c>
      <c r="BS15" s="379">
        <v>0</v>
      </c>
      <c r="BT15" s="379">
        <v>130</v>
      </c>
      <c r="BU15" s="380">
        <v>24669244</v>
      </c>
      <c r="BV15" s="372">
        <v>245396</v>
      </c>
      <c r="BW15" s="373">
        <v>4971254430</v>
      </c>
      <c r="CA15" s="374" t="e">
        <v>#REF!</v>
      </c>
    </row>
    <row r="16" spans="1:79" s="326" customFormat="1" ht="12.9" customHeight="1" x14ac:dyDescent="0.15">
      <c r="A16" s="352">
        <v>10</v>
      </c>
      <c r="B16" s="375" t="s">
        <v>210</v>
      </c>
      <c r="C16" s="354">
        <v>33249</v>
      </c>
      <c r="D16" s="354">
        <v>514542</v>
      </c>
      <c r="E16" s="354">
        <v>19077014614</v>
      </c>
      <c r="F16" s="354">
        <v>1265884</v>
      </c>
      <c r="G16" s="354">
        <v>1931661</v>
      </c>
      <c r="H16" s="355">
        <v>19836540600</v>
      </c>
      <c r="I16" s="356">
        <v>314157</v>
      </c>
      <c r="J16" s="357">
        <v>571192</v>
      </c>
      <c r="K16" s="357">
        <v>4143264213</v>
      </c>
      <c r="L16" s="358">
        <v>1613290</v>
      </c>
      <c r="M16" s="358">
        <v>3017395</v>
      </c>
      <c r="N16" s="362">
        <v>43056819427</v>
      </c>
      <c r="O16" s="360">
        <v>10</v>
      </c>
      <c r="P16" s="361" t="s">
        <v>210</v>
      </c>
      <c r="Q16" s="356">
        <v>904670</v>
      </c>
      <c r="R16" s="357">
        <v>1079002</v>
      </c>
      <c r="S16" s="357">
        <v>10478929047</v>
      </c>
      <c r="T16" s="356">
        <v>31363</v>
      </c>
      <c r="U16" s="357">
        <v>1332072</v>
      </c>
      <c r="V16" s="357">
        <v>884013378</v>
      </c>
      <c r="W16" s="356">
        <v>6378</v>
      </c>
      <c r="X16" s="357">
        <v>41470</v>
      </c>
      <c r="Y16" s="357">
        <v>455766160</v>
      </c>
      <c r="Z16" s="358">
        <v>2524338</v>
      </c>
      <c r="AA16" s="362">
        <v>54875528012</v>
      </c>
      <c r="AB16" s="360">
        <v>10</v>
      </c>
      <c r="AC16" s="361" t="s">
        <v>210</v>
      </c>
      <c r="AD16" s="356">
        <v>187</v>
      </c>
      <c r="AE16" s="357">
        <v>2040</v>
      </c>
      <c r="AF16" s="357">
        <v>50788309</v>
      </c>
      <c r="AG16" s="357">
        <v>1124</v>
      </c>
      <c r="AH16" s="357">
        <v>42212583</v>
      </c>
      <c r="AI16" s="357">
        <v>63595</v>
      </c>
      <c r="AJ16" s="357">
        <v>467734574</v>
      </c>
      <c r="AK16" s="357">
        <v>3937</v>
      </c>
      <c r="AL16" s="357">
        <v>125011505</v>
      </c>
      <c r="AM16" s="357">
        <v>2501</v>
      </c>
      <c r="AN16" s="357">
        <v>35961530</v>
      </c>
      <c r="AO16" s="357">
        <v>114</v>
      </c>
      <c r="AP16" s="357">
        <v>88479</v>
      </c>
      <c r="AQ16" s="358">
        <v>73311</v>
      </c>
      <c r="AR16" s="358">
        <v>721796980</v>
      </c>
      <c r="AS16" s="376">
        <v>69</v>
      </c>
      <c r="AT16" s="377">
        <v>3661832</v>
      </c>
      <c r="AU16" s="352">
        <v>10</v>
      </c>
      <c r="AV16" s="375" t="s">
        <v>210</v>
      </c>
      <c r="AW16" s="356">
        <v>0</v>
      </c>
      <c r="AX16" s="357">
        <v>0</v>
      </c>
      <c r="AY16" s="364">
        <v>2597836</v>
      </c>
      <c r="AZ16" s="366">
        <v>55597324992</v>
      </c>
      <c r="BA16" s="367">
        <v>40663413772</v>
      </c>
      <c r="BB16" s="356">
        <v>13056732475</v>
      </c>
      <c r="BC16" s="357">
        <v>1877178745</v>
      </c>
      <c r="BD16" s="356">
        <v>91764</v>
      </c>
      <c r="BE16" s="357">
        <v>5703092848</v>
      </c>
      <c r="BF16" s="357">
        <v>228</v>
      </c>
      <c r="BG16" s="368">
        <v>4401494</v>
      </c>
      <c r="BH16" s="360">
        <v>10</v>
      </c>
      <c r="BI16" s="383" t="s">
        <v>210</v>
      </c>
      <c r="BJ16" s="379">
        <v>504</v>
      </c>
      <c r="BK16" s="379">
        <v>211680000</v>
      </c>
      <c r="BL16" s="379">
        <v>938</v>
      </c>
      <c r="BM16" s="379">
        <v>46900000</v>
      </c>
      <c r="BN16" s="379">
        <v>0</v>
      </c>
      <c r="BO16" s="379">
        <v>0</v>
      </c>
      <c r="BP16" s="379">
        <v>0</v>
      </c>
      <c r="BQ16" s="379">
        <v>0</v>
      </c>
      <c r="BR16" s="379">
        <v>0</v>
      </c>
      <c r="BS16" s="379">
        <v>0</v>
      </c>
      <c r="BT16" s="379">
        <v>1442</v>
      </c>
      <c r="BU16" s="380">
        <v>258580000</v>
      </c>
      <c r="BV16" s="372">
        <v>2599278</v>
      </c>
      <c r="BW16" s="373">
        <v>55855904992</v>
      </c>
      <c r="CA16" s="374" t="e">
        <v>#REF!</v>
      </c>
    </row>
    <row r="17" spans="1:79" s="326" customFormat="1" ht="12.9" customHeight="1" x14ac:dyDescent="0.15">
      <c r="A17" s="352">
        <v>11</v>
      </c>
      <c r="B17" s="375" t="s">
        <v>208</v>
      </c>
      <c r="C17" s="354">
        <v>2903</v>
      </c>
      <c r="D17" s="354">
        <v>38642</v>
      </c>
      <c r="E17" s="354">
        <v>1662455400</v>
      </c>
      <c r="F17" s="354">
        <v>115007</v>
      </c>
      <c r="G17" s="354">
        <v>175517</v>
      </c>
      <c r="H17" s="355">
        <v>1716084924</v>
      </c>
      <c r="I17" s="356">
        <v>24735</v>
      </c>
      <c r="J17" s="357">
        <v>43181</v>
      </c>
      <c r="K17" s="357">
        <v>327525730</v>
      </c>
      <c r="L17" s="358">
        <v>142645</v>
      </c>
      <c r="M17" s="358">
        <v>257340</v>
      </c>
      <c r="N17" s="362">
        <v>3706066054</v>
      </c>
      <c r="O17" s="384">
        <v>11</v>
      </c>
      <c r="P17" s="361" t="s">
        <v>208</v>
      </c>
      <c r="Q17" s="356">
        <v>85595</v>
      </c>
      <c r="R17" s="357">
        <v>103640</v>
      </c>
      <c r="S17" s="357">
        <v>1027969406</v>
      </c>
      <c r="T17" s="356">
        <v>2694</v>
      </c>
      <c r="U17" s="357">
        <v>96707</v>
      </c>
      <c r="V17" s="357">
        <v>64790979</v>
      </c>
      <c r="W17" s="356">
        <v>359</v>
      </c>
      <c r="X17" s="357">
        <v>1853</v>
      </c>
      <c r="Y17" s="357">
        <v>21561290</v>
      </c>
      <c r="Z17" s="358">
        <v>228599</v>
      </c>
      <c r="AA17" s="362">
        <v>4820387729</v>
      </c>
      <c r="AB17" s="360">
        <v>11</v>
      </c>
      <c r="AC17" s="361" t="s">
        <v>208</v>
      </c>
      <c r="AD17" s="356">
        <v>39</v>
      </c>
      <c r="AE17" s="357">
        <v>184</v>
      </c>
      <c r="AF17" s="357">
        <v>1856483</v>
      </c>
      <c r="AG17" s="357">
        <v>100</v>
      </c>
      <c r="AH17" s="357">
        <v>4319037</v>
      </c>
      <c r="AI17" s="357">
        <v>4450</v>
      </c>
      <c r="AJ17" s="357">
        <v>32967695</v>
      </c>
      <c r="AK17" s="357">
        <v>273</v>
      </c>
      <c r="AL17" s="357">
        <v>9256260</v>
      </c>
      <c r="AM17" s="357">
        <v>240</v>
      </c>
      <c r="AN17" s="357">
        <v>3220440</v>
      </c>
      <c r="AO17" s="357">
        <v>0</v>
      </c>
      <c r="AP17" s="357">
        <v>0</v>
      </c>
      <c r="AQ17" s="358">
        <v>5247</v>
      </c>
      <c r="AR17" s="358">
        <v>51619915</v>
      </c>
      <c r="AS17" s="376">
        <v>3</v>
      </c>
      <c r="AT17" s="377">
        <v>109253</v>
      </c>
      <c r="AU17" s="352">
        <v>11</v>
      </c>
      <c r="AV17" s="375" t="s">
        <v>208</v>
      </c>
      <c r="AW17" s="356">
        <v>0</v>
      </c>
      <c r="AX17" s="357">
        <v>0</v>
      </c>
      <c r="AY17" s="364">
        <v>233885</v>
      </c>
      <c r="AZ17" s="366">
        <v>4872007644</v>
      </c>
      <c r="BA17" s="367">
        <v>3568560181</v>
      </c>
      <c r="BB17" s="356">
        <v>1192058588</v>
      </c>
      <c r="BC17" s="357">
        <v>111388875</v>
      </c>
      <c r="BD17" s="356">
        <v>10074</v>
      </c>
      <c r="BE17" s="357">
        <v>485305639</v>
      </c>
      <c r="BF17" s="357">
        <v>22</v>
      </c>
      <c r="BG17" s="368">
        <v>344292</v>
      </c>
      <c r="BH17" s="360">
        <v>11</v>
      </c>
      <c r="BI17" s="383" t="s">
        <v>208</v>
      </c>
      <c r="BJ17" s="379">
        <v>32</v>
      </c>
      <c r="BK17" s="379">
        <v>13424000</v>
      </c>
      <c r="BL17" s="379">
        <v>93</v>
      </c>
      <c r="BM17" s="379">
        <v>4650000</v>
      </c>
      <c r="BN17" s="379">
        <v>0</v>
      </c>
      <c r="BO17" s="379">
        <v>0</v>
      </c>
      <c r="BP17" s="379">
        <v>0</v>
      </c>
      <c r="BQ17" s="379">
        <v>0</v>
      </c>
      <c r="BR17" s="379">
        <v>0</v>
      </c>
      <c r="BS17" s="379">
        <v>0</v>
      </c>
      <c r="BT17" s="379">
        <v>125</v>
      </c>
      <c r="BU17" s="380">
        <v>18074000</v>
      </c>
      <c r="BV17" s="372">
        <v>234010</v>
      </c>
      <c r="BW17" s="373">
        <v>4890081644</v>
      </c>
      <c r="CA17" s="374" t="e">
        <v>#REF!</v>
      </c>
    </row>
    <row r="18" spans="1:79" s="326" customFormat="1" ht="12.9" customHeight="1" x14ac:dyDescent="0.15">
      <c r="A18" s="352">
        <v>12</v>
      </c>
      <c r="B18" s="375" t="s">
        <v>206</v>
      </c>
      <c r="C18" s="354">
        <v>8754</v>
      </c>
      <c r="D18" s="354">
        <v>137946</v>
      </c>
      <c r="E18" s="354">
        <v>4957361158</v>
      </c>
      <c r="F18" s="354">
        <v>327020</v>
      </c>
      <c r="G18" s="354">
        <v>465038</v>
      </c>
      <c r="H18" s="355">
        <v>4883219750</v>
      </c>
      <c r="I18" s="356">
        <v>74355</v>
      </c>
      <c r="J18" s="357">
        <v>136277</v>
      </c>
      <c r="K18" s="357">
        <v>952212490</v>
      </c>
      <c r="L18" s="358">
        <v>410129</v>
      </c>
      <c r="M18" s="358">
        <v>739261</v>
      </c>
      <c r="N18" s="362">
        <v>10792793398</v>
      </c>
      <c r="O18" s="384">
        <v>12</v>
      </c>
      <c r="P18" s="361" t="s">
        <v>206</v>
      </c>
      <c r="Q18" s="356">
        <v>212685</v>
      </c>
      <c r="R18" s="357">
        <v>246054</v>
      </c>
      <c r="S18" s="357">
        <v>2715389303</v>
      </c>
      <c r="T18" s="356">
        <v>8381</v>
      </c>
      <c r="U18" s="357">
        <v>361967</v>
      </c>
      <c r="V18" s="357">
        <v>240311600</v>
      </c>
      <c r="W18" s="356">
        <v>1348</v>
      </c>
      <c r="X18" s="357">
        <v>9273</v>
      </c>
      <c r="Y18" s="357">
        <v>109792050</v>
      </c>
      <c r="Z18" s="358">
        <v>624162</v>
      </c>
      <c r="AA18" s="362">
        <v>13858286351</v>
      </c>
      <c r="AB18" s="384">
        <v>12</v>
      </c>
      <c r="AC18" s="361" t="s">
        <v>206</v>
      </c>
      <c r="AD18" s="356">
        <v>135</v>
      </c>
      <c r="AE18" s="357">
        <v>447</v>
      </c>
      <c r="AF18" s="357">
        <v>5771983</v>
      </c>
      <c r="AG18" s="357">
        <v>204</v>
      </c>
      <c r="AH18" s="357">
        <v>8696726</v>
      </c>
      <c r="AI18" s="357">
        <v>10250</v>
      </c>
      <c r="AJ18" s="357">
        <v>65784786</v>
      </c>
      <c r="AK18" s="357">
        <v>1008</v>
      </c>
      <c r="AL18" s="357">
        <v>31034990</v>
      </c>
      <c r="AM18" s="357">
        <v>509</v>
      </c>
      <c r="AN18" s="357">
        <v>5975620</v>
      </c>
      <c r="AO18" s="357">
        <v>0</v>
      </c>
      <c r="AP18" s="357">
        <v>0</v>
      </c>
      <c r="AQ18" s="358">
        <v>12418</v>
      </c>
      <c r="AR18" s="358">
        <v>117264105</v>
      </c>
      <c r="AS18" s="376">
        <v>14</v>
      </c>
      <c r="AT18" s="377">
        <v>182883</v>
      </c>
      <c r="AU18" s="385">
        <v>12</v>
      </c>
      <c r="AV18" s="375" t="s">
        <v>206</v>
      </c>
      <c r="AW18" s="356">
        <v>1</v>
      </c>
      <c r="AX18" s="357">
        <v>70509</v>
      </c>
      <c r="AY18" s="364">
        <v>636716</v>
      </c>
      <c r="AZ18" s="366">
        <v>13975620965</v>
      </c>
      <c r="BA18" s="367">
        <v>10243423251</v>
      </c>
      <c r="BB18" s="356">
        <v>3339429927</v>
      </c>
      <c r="BC18" s="357">
        <v>392767787</v>
      </c>
      <c r="BD18" s="356">
        <v>26441</v>
      </c>
      <c r="BE18" s="357">
        <v>1450589659</v>
      </c>
      <c r="BF18" s="357">
        <v>4</v>
      </c>
      <c r="BG18" s="368">
        <v>17045</v>
      </c>
      <c r="BH18" s="384">
        <v>12</v>
      </c>
      <c r="BI18" s="383" t="s">
        <v>206</v>
      </c>
      <c r="BJ18" s="379">
        <v>92</v>
      </c>
      <c r="BK18" s="379">
        <v>38640000</v>
      </c>
      <c r="BL18" s="379">
        <v>228</v>
      </c>
      <c r="BM18" s="379">
        <v>11400000</v>
      </c>
      <c r="BN18" s="379">
        <v>0</v>
      </c>
      <c r="BO18" s="379">
        <v>0</v>
      </c>
      <c r="BP18" s="379">
        <v>0</v>
      </c>
      <c r="BQ18" s="379">
        <v>0</v>
      </c>
      <c r="BR18" s="379">
        <v>0</v>
      </c>
      <c r="BS18" s="379">
        <v>0</v>
      </c>
      <c r="BT18" s="379">
        <v>320</v>
      </c>
      <c r="BU18" s="380">
        <v>50040000</v>
      </c>
      <c r="BV18" s="372">
        <v>637036</v>
      </c>
      <c r="BW18" s="373">
        <v>14025660965</v>
      </c>
      <c r="CA18" s="374" t="e">
        <v>#REF!</v>
      </c>
    </row>
    <row r="19" spans="1:79" s="326" customFormat="1" ht="12.9" customHeight="1" x14ac:dyDescent="0.15">
      <c r="A19" s="352">
        <v>13</v>
      </c>
      <c r="B19" s="375" t="s">
        <v>204</v>
      </c>
      <c r="C19" s="354">
        <v>10702</v>
      </c>
      <c r="D19" s="354">
        <v>161181</v>
      </c>
      <c r="E19" s="354">
        <v>6119222124</v>
      </c>
      <c r="F19" s="354">
        <v>406985</v>
      </c>
      <c r="G19" s="354">
        <v>634331</v>
      </c>
      <c r="H19" s="355">
        <v>6338709641</v>
      </c>
      <c r="I19" s="356">
        <v>95825</v>
      </c>
      <c r="J19" s="357">
        <v>169472</v>
      </c>
      <c r="K19" s="357">
        <v>1203021700</v>
      </c>
      <c r="L19" s="358">
        <v>513512</v>
      </c>
      <c r="M19" s="358">
        <v>964984</v>
      </c>
      <c r="N19" s="362">
        <v>13660953465</v>
      </c>
      <c r="O19" s="384">
        <v>13</v>
      </c>
      <c r="P19" s="361" t="s">
        <v>204</v>
      </c>
      <c r="Q19" s="356">
        <v>290464</v>
      </c>
      <c r="R19" s="357">
        <v>341102</v>
      </c>
      <c r="S19" s="357">
        <v>3452113282</v>
      </c>
      <c r="T19" s="356">
        <v>10197</v>
      </c>
      <c r="U19" s="357">
        <v>412860</v>
      </c>
      <c r="V19" s="357">
        <v>273355607</v>
      </c>
      <c r="W19" s="356">
        <v>1620</v>
      </c>
      <c r="X19" s="357">
        <v>8412</v>
      </c>
      <c r="Y19" s="357">
        <v>99709030</v>
      </c>
      <c r="Z19" s="358">
        <v>805596</v>
      </c>
      <c r="AA19" s="362">
        <v>17486131384</v>
      </c>
      <c r="AB19" s="384">
        <v>13</v>
      </c>
      <c r="AC19" s="361" t="s">
        <v>204</v>
      </c>
      <c r="AD19" s="356">
        <v>29</v>
      </c>
      <c r="AE19" s="357">
        <v>715</v>
      </c>
      <c r="AF19" s="357">
        <v>9235646</v>
      </c>
      <c r="AG19" s="357">
        <v>367</v>
      </c>
      <c r="AH19" s="357">
        <v>11786514</v>
      </c>
      <c r="AI19" s="357">
        <v>14128</v>
      </c>
      <c r="AJ19" s="357">
        <v>94223002</v>
      </c>
      <c r="AK19" s="357">
        <v>1421</v>
      </c>
      <c r="AL19" s="357">
        <v>46072745</v>
      </c>
      <c r="AM19" s="357">
        <v>810</v>
      </c>
      <c r="AN19" s="357">
        <v>12719650</v>
      </c>
      <c r="AO19" s="357">
        <v>4</v>
      </c>
      <c r="AP19" s="357">
        <v>160067</v>
      </c>
      <c r="AQ19" s="358">
        <v>17445</v>
      </c>
      <c r="AR19" s="358">
        <v>174197624</v>
      </c>
      <c r="AS19" s="376">
        <v>33</v>
      </c>
      <c r="AT19" s="377">
        <v>1306531</v>
      </c>
      <c r="AU19" s="385">
        <v>13</v>
      </c>
      <c r="AV19" s="375" t="s">
        <v>204</v>
      </c>
      <c r="AW19" s="356">
        <v>1</v>
      </c>
      <c r="AX19" s="357">
        <v>26970</v>
      </c>
      <c r="AY19" s="364">
        <v>823071</v>
      </c>
      <c r="AZ19" s="366">
        <v>17660355978</v>
      </c>
      <c r="BA19" s="367">
        <v>12924533047</v>
      </c>
      <c r="BB19" s="356">
        <v>4177197414</v>
      </c>
      <c r="BC19" s="357">
        <v>558625517</v>
      </c>
      <c r="BD19" s="356">
        <v>30893</v>
      </c>
      <c r="BE19" s="357">
        <v>1788032253</v>
      </c>
      <c r="BF19" s="357">
        <v>31</v>
      </c>
      <c r="BG19" s="368">
        <v>1145591</v>
      </c>
      <c r="BH19" s="384">
        <v>13</v>
      </c>
      <c r="BI19" s="383" t="s">
        <v>204</v>
      </c>
      <c r="BJ19" s="379">
        <v>215</v>
      </c>
      <c r="BK19" s="379">
        <v>90300000</v>
      </c>
      <c r="BL19" s="379">
        <v>312</v>
      </c>
      <c r="BM19" s="379">
        <v>15600000</v>
      </c>
      <c r="BN19" s="379">
        <v>0</v>
      </c>
      <c r="BO19" s="379">
        <v>0</v>
      </c>
      <c r="BP19" s="379">
        <v>0</v>
      </c>
      <c r="BQ19" s="379">
        <v>0</v>
      </c>
      <c r="BR19" s="379">
        <v>0</v>
      </c>
      <c r="BS19" s="379">
        <v>0</v>
      </c>
      <c r="BT19" s="379">
        <v>527</v>
      </c>
      <c r="BU19" s="380">
        <v>105900000</v>
      </c>
      <c r="BV19" s="372">
        <v>823598</v>
      </c>
      <c r="BW19" s="373">
        <v>17766255978</v>
      </c>
      <c r="CA19" s="374" t="e">
        <v>#REF!</v>
      </c>
    </row>
    <row r="20" spans="1:79" s="326" customFormat="1" ht="12.9" customHeight="1" x14ac:dyDescent="0.15">
      <c r="A20" s="385">
        <v>14</v>
      </c>
      <c r="B20" s="375" t="s">
        <v>202</v>
      </c>
      <c r="C20" s="354">
        <v>9913</v>
      </c>
      <c r="D20" s="354">
        <v>145145</v>
      </c>
      <c r="E20" s="354">
        <v>5840721960</v>
      </c>
      <c r="F20" s="354">
        <v>407853</v>
      </c>
      <c r="G20" s="354">
        <v>617626</v>
      </c>
      <c r="H20" s="355">
        <v>6145996517</v>
      </c>
      <c r="I20" s="356">
        <v>101292</v>
      </c>
      <c r="J20" s="357">
        <v>182229</v>
      </c>
      <c r="K20" s="357">
        <v>1283310008</v>
      </c>
      <c r="L20" s="358">
        <v>519058</v>
      </c>
      <c r="M20" s="358">
        <v>945000</v>
      </c>
      <c r="N20" s="362">
        <v>13270028485</v>
      </c>
      <c r="O20" s="384">
        <v>14</v>
      </c>
      <c r="P20" s="361" t="s">
        <v>202</v>
      </c>
      <c r="Q20" s="356">
        <v>309390</v>
      </c>
      <c r="R20" s="357">
        <v>364554</v>
      </c>
      <c r="S20" s="357">
        <v>3447742298</v>
      </c>
      <c r="T20" s="356">
        <v>9416</v>
      </c>
      <c r="U20" s="357">
        <v>371230</v>
      </c>
      <c r="V20" s="357">
        <v>245866538</v>
      </c>
      <c r="W20" s="356">
        <v>1650</v>
      </c>
      <c r="X20" s="357">
        <v>10880</v>
      </c>
      <c r="Y20" s="357">
        <v>126199710</v>
      </c>
      <c r="Z20" s="358">
        <v>830098</v>
      </c>
      <c r="AA20" s="362">
        <v>17089837031</v>
      </c>
      <c r="AB20" s="384">
        <v>14</v>
      </c>
      <c r="AC20" s="361" t="s">
        <v>202</v>
      </c>
      <c r="AD20" s="356">
        <v>17</v>
      </c>
      <c r="AE20" s="357">
        <v>653</v>
      </c>
      <c r="AF20" s="357">
        <v>8831286</v>
      </c>
      <c r="AG20" s="357">
        <v>306</v>
      </c>
      <c r="AH20" s="357">
        <v>11825175</v>
      </c>
      <c r="AI20" s="357">
        <v>20444</v>
      </c>
      <c r="AJ20" s="357">
        <v>155075896</v>
      </c>
      <c r="AK20" s="357">
        <v>1412</v>
      </c>
      <c r="AL20" s="357">
        <v>44828616</v>
      </c>
      <c r="AM20" s="357">
        <v>714</v>
      </c>
      <c r="AN20" s="357">
        <v>8188580</v>
      </c>
      <c r="AO20" s="357">
        <v>0</v>
      </c>
      <c r="AP20" s="357">
        <v>0</v>
      </c>
      <c r="AQ20" s="358">
        <v>23529</v>
      </c>
      <c r="AR20" s="358">
        <v>228749553</v>
      </c>
      <c r="AS20" s="376">
        <v>19</v>
      </c>
      <c r="AT20" s="377">
        <v>1004562</v>
      </c>
      <c r="AU20" s="385">
        <v>14</v>
      </c>
      <c r="AV20" s="375" t="s">
        <v>202</v>
      </c>
      <c r="AW20" s="356">
        <v>0</v>
      </c>
      <c r="AX20" s="357">
        <v>0</v>
      </c>
      <c r="AY20" s="364">
        <v>853644</v>
      </c>
      <c r="AZ20" s="366">
        <v>17318586584</v>
      </c>
      <c r="BA20" s="367">
        <v>12647673949</v>
      </c>
      <c r="BB20" s="356">
        <v>4182619297</v>
      </c>
      <c r="BC20" s="357">
        <v>488293338</v>
      </c>
      <c r="BD20" s="356">
        <v>29185</v>
      </c>
      <c r="BE20" s="357">
        <v>1802962590</v>
      </c>
      <c r="BF20" s="357">
        <v>37</v>
      </c>
      <c r="BG20" s="368">
        <v>762420</v>
      </c>
      <c r="BH20" s="384">
        <v>14</v>
      </c>
      <c r="BI20" s="383" t="s">
        <v>202</v>
      </c>
      <c r="BJ20" s="379">
        <v>214</v>
      </c>
      <c r="BK20" s="379">
        <v>89034665</v>
      </c>
      <c r="BL20" s="379">
        <v>297</v>
      </c>
      <c r="BM20" s="379">
        <v>14850000</v>
      </c>
      <c r="BN20" s="379">
        <v>0</v>
      </c>
      <c r="BO20" s="379">
        <v>0</v>
      </c>
      <c r="BP20" s="379">
        <v>0</v>
      </c>
      <c r="BQ20" s="379">
        <v>0</v>
      </c>
      <c r="BR20" s="379">
        <v>0</v>
      </c>
      <c r="BS20" s="379">
        <v>0</v>
      </c>
      <c r="BT20" s="379">
        <v>511</v>
      </c>
      <c r="BU20" s="380">
        <v>103884665</v>
      </c>
      <c r="BV20" s="372">
        <v>854155</v>
      </c>
      <c r="BW20" s="373">
        <v>17422471249</v>
      </c>
      <c r="CA20" s="374" t="e">
        <v>#REF!</v>
      </c>
    </row>
    <row r="21" spans="1:79" s="326" customFormat="1" ht="12.9" customHeight="1" x14ac:dyDescent="0.15">
      <c r="A21" s="385">
        <v>15</v>
      </c>
      <c r="B21" s="375" t="s">
        <v>200</v>
      </c>
      <c r="C21" s="354">
        <v>4331</v>
      </c>
      <c r="D21" s="354">
        <v>71257</v>
      </c>
      <c r="E21" s="354">
        <v>2590611014</v>
      </c>
      <c r="F21" s="354">
        <v>168498</v>
      </c>
      <c r="G21" s="354">
        <v>248521</v>
      </c>
      <c r="H21" s="355">
        <v>2856904112</v>
      </c>
      <c r="I21" s="356">
        <v>44116</v>
      </c>
      <c r="J21" s="357">
        <v>79870</v>
      </c>
      <c r="K21" s="357">
        <v>570700920</v>
      </c>
      <c r="L21" s="358">
        <v>216945</v>
      </c>
      <c r="M21" s="358">
        <v>399648</v>
      </c>
      <c r="N21" s="362">
        <v>6018216046</v>
      </c>
      <c r="O21" s="384">
        <v>15</v>
      </c>
      <c r="P21" s="361" t="s">
        <v>200</v>
      </c>
      <c r="Q21" s="356">
        <v>120823</v>
      </c>
      <c r="R21" s="357">
        <v>138596</v>
      </c>
      <c r="S21" s="357">
        <v>1467124582</v>
      </c>
      <c r="T21" s="356">
        <v>4150</v>
      </c>
      <c r="U21" s="357">
        <v>333245</v>
      </c>
      <c r="V21" s="357">
        <v>125975456</v>
      </c>
      <c r="W21" s="356">
        <v>782</v>
      </c>
      <c r="X21" s="357">
        <v>5947</v>
      </c>
      <c r="Y21" s="357">
        <v>70585730</v>
      </c>
      <c r="Z21" s="358">
        <v>338550</v>
      </c>
      <c r="AA21" s="362">
        <v>7681901814</v>
      </c>
      <c r="AB21" s="384">
        <v>15</v>
      </c>
      <c r="AC21" s="361" t="s">
        <v>200</v>
      </c>
      <c r="AD21" s="356">
        <v>8</v>
      </c>
      <c r="AE21" s="357">
        <v>249</v>
      </c>
      <c r="AF21" s="357">
        <v>3842935</v>
      </c>
      <c r="AG21" s="357">
        <v>167</v>
      </c>
      <c r="AH21" s="357">
        <v>7511254</v>
      </c>
      <c r="AI21" s="357">
        <v>6510</v>
      </c>
      <c r="AJ21" s="357">
        <v>45530720</v>
      </c>
      <c r="AK21" s="357">
        <v>749</v>
      </c>
      <c r="AL21" s="357">
        <v>20794800</v>
      </c>
      <c r="AM21" s="357">
        <v>210</v>
      </c>
      <c r="AN21" s="357">
        <v>3567960</v>
      </c>
      <c r="AO21" s="357">
        <v>0</v>
      </c>
      <c r="AP21" s="357">
        <v>0</v>
      </c>
      <c r="AQ21" s="358">
        <v>7885</v>
      </c>
      <c r="AR21" s="358">
        <v>81247669</v>
      </c>
      <c r="AS21" s="376">
        <v>5</v>
      </c>
      <c r="AT21" s="377">
        <v>626856</v>
      </c>
      <c r="AU21" s="385">
        <v>15</v>
      </c>
      <c r="AV21" s="375" t="s">
        <v>200</v>
      </c>
      <c r="AW21" s="356">
        <v>0</v>
      </c>
      <c r="AX21" s="357">
        <v>0</v>
      </c>
      <c r="AY21" s="364">
        <v>346443</v>
      </c>
      <c r="AZ21" s="366">
        <v>7763149483</v>
      </c>
      <c r="BA21" s="367">
        <v>5692632930</v>
      </c>
      <c r="BB21" s="356">
        <v>1860933201</v>
      </c>
      <c r="BC21" s="357">
        <v>209583352</v>
      </c>
      <c r="BD21" s="356">
        <v>13254</v>
      </c>
      <c r="BE21" s="357">
        <v>828104591</v>
      </c>
      <c r="BF21" s="357">
        <v>38</v>
      </c>
      <c r="BG21" s="368">
        <v>519841</v>
      </c>
      <c r="BH21" s="384">
        <v>15</v>
      </c>
      <c r="BI21" s="383" t="s">
        <v>200</v>
      </c>
      <c r="BJ21" s="379">
        <v>72</v>
      </c>
      <c r="BK21" s="379">
        <v>28964000</v>
      </c>
      <c r="BL21" s="379">
        <v>131</v>
      </c>
      <c r="BM21" s="379">
        <v>6550000</v>
      </c>
      <c r="BN21" s="379">
        <v>0</v>
      </c>
      <c r="BO21" s="379">
        <v>0</v>
      </c>
      <c r="BP21" s="379">
        <v>0</v>
      </c>
      <c r="BQ21" s="379">
        <v>0</v>
      </c>
      <c r="BR21" s="379">
        <v>0</v>
      </c>
      <c r="BS21" s="379">
        <v>0</v>
      </c>
      <c r="BT21" s="379">
        <v>203</v>
      </c>
      <c r="BU21" s="380">
        <v>35514000</v>
      </c>
      <c r="BV21" s="372">
        <v>346646</v>
      </c>
      <c r="BW21" s="373">
        <v>7798663483</v>
      </c>
      <c r="CA21" s="374" t="e">
        <v>#REF!</v>
      </c>
    </row>
    <row r="22" spans="1:79" s="326" customFormat="1" ht="12.9" customHeight="1" x14ac:dyDescent="0.15">
      <c r="A22" s="385">
        <v>16</v>
      </c>
      <c r="B22" s="386" t="s">
        <v>198</v>
      </c>
      <c r="C22" s="387">
        <v>5588</v>
      </c>
      <c r="D22" s="387">
        <v>84031</v>
      </c>
      <c r="E22" s="387">
        <v>3301347725</v>
      </c>
      <c r="F22" s="387">
        <v>222871</v>
      </c>
      <c r="G22" s="387">
        <v>324306</v>
      </c>
      <c r="H22" s="388">
        <v>3949922577</v>
      </c>
      <c r="I22" s="389">
        <v>55633</v>
      </c>
      <c r="J22" s="390">
        <v>96196</v>
      </c>
      <c r="K22" s="390">
        <v>695807060</v>
      </c>
      <c r="L22" s="391">
        <v>284092</v>
      </c>
      <c r="M22" s="391">
        <v>504533</v>
      </c>
      <c r="N22" s="392">
        <v>7947077362</v>
      </c>
      <c r="O22" s="384">
        <v>16</v>
      </c>
      <c r="P22" s="393" t="s">
        <v>198</v>
      </c>
      <c r="Q22" s="389">
        <v>123932</v>
      </c>
      <c r="R22" s="390">
        <v>149592</v>
      </c>
      <c r="S22" s="390">
        <v>1441418238</v>
      </c>
      <c r="T22" s="389">
        <v>5341</v>
      </c>
      <c r="U22" s="390">
        <v>216616</v>
      </c>
      <c r="V22" s="390">
        <v>142195477</v>
      </c>
      <c r="W22" s="389">
        <v>1013</v>
      </c>
      <c r="X22" s="390">
        <v>5318</v>
      </c>
      <c r="Y22" s="390">
        <v>60178600</v>
      </c>
      <c r="Z22" s="391">
        <v>409037</v>
      </c>
      <c r="AA22" s="392">
        <v>9590869677</v>
      </c>
      <c r="AB22" s="384">
        <v>16</v>
      </c>
      <c r="AC22" s="393" t="s">
        <v>198</v>
      </c>
      <c r="AD22" s="389">
        <v>64</v>
      </c>
      <c r="AE22" s="390">
        <v>325</v>
      </c>
      <c r="AF22" s="390">
        <v>3326230</v>
      </c>
      <c r="AG22" s="390">
        <v>226</v>
      </c>
      <c r="AH22" s="390">
        <v>7053356</v>
      </c>
      <c r="AI22" s="390">
        <v>7892</v>
      </c>
      <c r="AJ22" s="390">
        <v>53320469</v>
      </c>
      <c r="AK22" s="390">
        <v>1009</v>
      </c>
      <c r="AL22" s="390">
        <v>27947500</v>
      </c>
      <c r="AM22" s="390">
        <v>604</v>
      </c>
      <c r="AN22" s="390">
        <v>10230500</v>
      </c>
      <c r="AO22" s="390">
        <v>11</v>
      </c>
      <c r="AP22" s="390">
        <v>1474668</v>
      </c>
      <c r="AQ22" s="391">
        <v>10067</v>
      </c>
      <c r="AR22" s="391">
        <v>103352723</v>
      </c>
      <c r="AS22" s="394">
        <v>11</v>
      </c>
      <c r="AT22" s="395">
        <v>1474668</v>
      </c>
      <c r="AU22" s="385">
        <v>16</v>
      </c>
      <c r="AV22" s="386" t="s">
        <v>198</v>
      </c>
      <c r="AW22" s="389">
        <v>0</v>
      </c>
      <c r="AX22" s="390">
        <v>0</v>
      </c>
      <c r="AY22" s="396">
        <v>419168</v>
      </c>
      <c r="AZ22" s="397">
        <v>9694222400</v>
      </c>
      <c r="BA22" s="398">
        <v>7091247677</v>
      </c>
      <c r="BB22" s="389">
        <v>2266314380</v>
      </c>
      <c r="BC22" s="390">
        <v>336660343</v>
      </c>
      <c r="BD22" s="389">
        <v>16822</v>
      </c>
      <c r="BE22" s="390">
        <v>1016996198</v>
      </c>
      <c r="BF22" s="390">
        <v>36</v>
      </c>
      <c r="BG22" s="399">
        <v>1055398</v>
      </c>
      <c r="BH22" s="384">
        <v>16</v>
      </c>
      <c r="BI22" s="400" t="s">
        <v>198</v>
      </c>
      <c r="BJ22" s="379">
        <v>90</v>
      </c>
      <c r="BK22" s="379">
        <v>35669020</v>
      </c>
      <c r="BL22" s="379">
        <v>156</v>
      </c>
      <c r="BM22" s="379">
        <v>7800000</v>
      </c>
      <c r="BN22" s="379">
        <v>0</v>
      </c>
      <c r="BO22" s="379">
        <v>0</v>
      </c>
      <c r="BP22" s="379">
        <v>0</v>
      </c>
      <c r="BQ22" s="379">
        <v>0</v>
      </c>
      <c r="BR22" s="379">
        <v>0</v>
      </c>
      <c r="BS22" s="379">
        <v>0</v>
      </c>
      <c r="BT22" s="379">
        <v>246</v>
      </c>
      <c r="BU22" s="380">
        <v>43469020</v>
      </c>
      <c r="BV22" s="401">
        <v>419414</v>
      </c>
      <c r="BW22" s="402">
        <v>9737691420</v>
      </c>
      <c r="CA22" s="374" t="e">
        <v>#REF!</v>
      </c>
    </row>
    <row r="23" spans="1:79" s="326" customFormat="1" ht="12.9" customHeight="1" x14ac:dyDescent="0.15">
      <c r="A23" s="385">
        <v>17</v>
      </c>
      <c r="B23" s="403" t="s">
        <v>196</v>
      </c>
      <c r="C23" s="404">
        <v>5965</v>
      </c>
      <c r="D23" s="404">
        <v>91102</v>
      </c>
      <c r="E23" s="404">
        <v>3460858642</v>
      </c>
      <c r="F23" s="404">
        <v>233196</v>
      </c>
      <c r="G23" s="404">
        <v>359658</v>
      </c>
      <c r="H23" s="405">
        <v>3783464245</v>
      </c>
      <c r="I23" s="406">
        <v>59784</v>
      </c>
      <c r="J23" s="407">
        <v>105741</v>
      </c>
      <c r="K23" s="407">
        <v>764540400</v>
      </c>
      <c r="L23" s="408">
        <v>298945</v>
      </c>
      <c r="M23" s="408">
        <v>556501</v>
      </c>
      <c r="N23" s="409">
        <v>8008863287</v>
      </c>
      <c r="O23" s="384">
        <v>17</v>
      </c>
      <c r="P23" s="410" t="s">
        <v>196</v>
      </c>
      <c r="Q23" s="406">
        <v>158379</v>
      </c>
      <c r="R23" s="407">
        <v>189401</v>
      </c>
      <c r="S23" s="407">
        <v>1724035711</v>
      </c>
      <c r="T23" s="406">
        <v>5596</v>
      </c>
      <c r="U23" s="407">
        <v>234113</v>
      </c>
      <c r="V23" s="407">
        <v>154987589</v>
      </c>
      <c r="W23" s="406">
        <v>1280</v>
      </c>
      <c r="X23" s="407">
        <v>8257</v>
      </c>
      <c r="Y23" s="407">
        <v>92451930</v>
      </c>
      <c r="Z23" s="408">
        <v>458604</v>
      </c>
      <c r="AA23" s="409">
        <v>9980338517</v>
      </c>
      <c r="AB23" s="384">
        <v>17</v>
      </c>
      <c r="AC23" s="410" t="s">
        <v>196</v>
      </c>
      <c r="AD23" s="406">
        <v>9</v>
      </c>
      <c r="AE23" s="407">
        <v>329</v>
      </c>
      <c r="AF23" s="407">
        <v>5880279</v>
      </c>
      <c r="AG23" s="407">
        <v>217</v>
      </c>
      <c r="AH23" s="407">
        <v>7529483</v>
      </c>
      <c r="AI23" s="407">
        <v>8619</v>
      </c>
      <c r="AJ23" s="407">
        <v>60480659</v>
      </c>
      <c r="AK23" s="407">
        <v>985</v>
      </c>
      <c r="AL23" s="407">
        <v>25920866</v>
      </c>
      <c r="AM23" s="407">
        <v>210</v>
      </c>
      <c r="AN23" s="407">
        <v>2823190</v>
      </c>
      <c r="AO23" s="407">
        <v>1</v>
      </c>
      <c r="AP23" s="407">
        <v>60480</v>
      </c>
      <c r="AQ23" s="408">
        <v>10361</v>
      </c>
      <c r="AR23" s="408">
        <v>102694957</v>
      </c>
      <c r="AS23" s="376">
        <v>22</v>
      </c>
      <c r="AT23" s="377">
        <v>2461505</v>
      </c>
      <c r="AU23" s="385">
        <v>17</v>
      </c>
      <c r="AV23" s="403" t="s">
        <v>312</v>
      </c>
      <c r="AW23" s="406">
        <v>0</v>
      </c>
      <c r="AX23" s="407">
        <v>0</v>
      </c>
      <c r="AY23" s="411">
        <v>468974</v>
      </c>
      <c r="AZ23" s="412">
        <v>10083033474</v>
      </c>
      <c r="BA23" s="413">
        <v>7377926344</v>
      </c>
      <c r="BB23" s="406">
        <v>2384125221</v>
      </c>
      <c r="BC23" s="407">
        <v>320981909</v>
      </c>
      <c r="BD23" s="406">
        <v>18678</v>
      </c>
      <c r="BE23" s="407">
        <v>1054523043</v>
      </c>
      <c r="BF23" s="407">
        <v>35</v>
      </c>
      <c r="BG23" s="414">
        <v>580151</v>
      </c>
      <c r="BH23" s="384">
        <v>17</v>
      </c>
      <c r="BI23" s="415" t="s">
        <v>196</v>
      </c>
      <c r="BJ23" s="379">
        <v>101</v>
      </c>
      <c r="BK23" s="379">
        <v>42420000</v>
      </c>
      <c r="BL23" s="379">
        <v>160</v>
      </c>
      <c r="BM23" s="379">
        <v>8000000</v>
      </c>
      <c r="BN23" s="379">
        <v>0</v>
      </c>
      <c r="BO23" s="379">
        <v>0</v>
      </c>
      <c r="BP23" s="379">
        <v>0</v>
      </c>
      <c r="BQ23" s="379">
        <v>0</v>
      </c>
      <c r="BR23" s="379">
        <v>0</v>
      </c>
      <c r="BS23" s="379">
        <v>0</v>
      </c>
      <c r="BT23" s="379">
        <v>261</v>
      </c>
      <c r="BU23" s="380">
        <v>50420000</v>
      </c>
      <c r="BV23" s="416">
        <v>469235</v>
      </c>
      <c r="BW23" s="417">
        <v>10133453474</v>
      </c>
      <c r="CA23" s="374" t="e">
        <v>#REF!</v>
      </c>
    </row>
    <row r="24" spans="1:79" s="326" customFormat="1" ht="12.9" customHeight="1" x14ac:dyDescent="0.15">
      <c r="A24" s="385">
        <v>18</v>
      </c>
      <c r="B24" s="403" t="s">
        <v>194</v>
      </c>
      <c r="C24" s="404">
        <v>2220</v>
      </c>
      <c r="D24" s="404">
        <v>37849</v>
      </c>
      <c r="E24" s="404">
        <v>1294924860</v>
      </c>
      <c r="F24" s="404">
        <v>79843</v>
      </c>
      <c r="G24" s="404">
        <v>119996</v>
      </c>
      <c r="H24" s="405">
        <v>1156653850</v>
      </c>
      <c r="I24" s="406">
        <v>19940</v>
      </c>
      <c r="J24" s="407">
        <v>36911</v>
      </c>
      <c r="K24" s="407">
        <v>252729030</v>
      </c>
      <c r="L24" s="408">
        <v>102003</v>
      </c>
      <c r="M24" s="408">
        <v>194756</v>
      </c>
      <c r="N24" s="409">
        <v>2704307740</v>
      </c>
      <c r="O24" s="384">
        <v>18</v>
      </c>
      <c r="P24" s="410" t="s">
        <v>194</v>
      </c>
      <c r="Q24" s="406">
        <v>57166</v>
      </c>
      <c r="R24" s="407">
        <v>68126</v>
      </c>
      <c r="S24" s="407">
        <v>705953210</v>
      </c>
      <c r="T24" s="406">
        <v>2132</v>
      </c>
      <c r="U24" s="407">
        <v>102217</v>
      </c>
      <c r="V24" s="407">
        <v>67042103</v>
      </c>
      <c r="W24" s="406">
        <v>248</v>
      </c>
      <c r="X24" s="407">
        <v>1311</v>
      </c>
      <c r="Y24" s="407">
        <v>14651910</v>
      </c>
      <c r="Z24" s="408">
        <v>159417</v>
      </c>
      <c r="AA24" s="409">
        <v>3491954963</v>
      </c>
      <c r="AB24" s="384">
        <v>18</v>
      </c>
      <c r="AC24" s="410" t="s">
        <v>194</v>
      </c>
      <c r="AD24" s="406">
        <v>4</v>
      </c>
      <c r="AE24" s="407">
        <v>27</v>
      </c>
      <c r="AF24" s="407">
        <v>1378557</v>
      </c>
      <c r="AG24" s="407">
        <v>67</v>
      </c>
      <c r="AH24" s="407">
        <v>1816894</v>
      </c>
      <c r="AI24" s="407">
        <v>2204</v>
      </c>
      <c r="AJ24" s="407">
        <v>17179065</v>
      </c>
      <c r="AK24" s="407">
        <v>373</v>
      </c>
      <c r="AL24" s="407">
        <v>12435490</v>
      </c>
      <c r="AM24" s="407">
        <v>130</v>
      </c>
      <c r="AN24" s="407">
        <v>1406320</v>
      </c>
      <c r="AO24" s="407">
        <v>0</v>
      </c>
      <c r="AP24" s="407">
        <v>0</v>
      </c>
      <c r="AQ24" s="408">
        <v>2801</v>
      </c>
      <c r="AR24" s="408">
        <v>34216326</v>
      </c>
      <c r="AS24" s="376">
        <v>2</v>
      </c>
      <c r="AT24" s="377">
        <v>245257</v>
      </c>
      <c r="AU24" s="385">
        <v>18</v>
      </c>
      <c r="AV24" s="403" t="s">
        <v>194</v>
      </c>
      <c r="AW24" s="406">
        <v>0</v>
      </c>
      <c r="AX24" s="407">
        <v>0</v>
      </c>
      <c r="AY24" s="411">
        <v>162222</v>
      </c>
      <c r="AZ24" s="412">
        <v>3526171289</v>
      </c>
      <c r="BA24" s="413">
        <v>2583188935</v>
      </c>
      <c r="BB24" s="406">
        <v>850031987</v>
      </c>
      <c r="BC24" s="407">
        <v>92950367</v>
      </c>
      <c r="BD24" s="406">
        <v>7254</v>
      </c>
      <c r="BE24" s="407">
        <v>384025207</v>
      </c>
      <c r="BF24" s="407">
        <v>8</v>
      </c>
      <c r="BG24" s="414">
        <v>308861</v>
      </c>
      <c r="BH24" s="384">
        <v>18</v>
      </c>
      <c r="BI24" s="415" t="s">
        <v>194</v>
      </c>
      <c r="BJ24" s="379">
        <v>26</v>
      </c>
      <c r="BK24" s="379">
        <v>10915820</v>
      </c>
      <c r="BL24" s="379">
        <v>66</v>
      </c>
      <c r="BM24" s="379">
        <v>3300000</v>
      </c>
      <c r="BN24" s="379">
        <v>0</v>
      </c>
      <c r="BO24" s="379">
        <v>0</v>
      </c>
      <c r="BP24" s="379">
        <v>0</v>
      </c>
      <c r="BQ24" s="379">
        <v>0</v>
      </c>
      <c r="BR24" s="379">
        <v>0</v>
      </c>
      <c r="BS24" s="379">
        <v>0</v>
      </c>
      <c r="BT24" s="379">
        <v>92</v>
      </c>
      <c r="BU24" s="380">
        <v>14215820</v>
      </c>
      <c r="BV24" s="416">
        <v>162314</v>
      </c>
      <c r="BW24" s="417">
        <v>3540387109</v>
      </c>
      <c r="CA24" s="374" t="e">
        <v>#REF!</v>
      </c>
    </row>
    <row r="25" spans="1:79" s="326" customFormat="1" ht="12.9" customHeight="1" x14ac:dyDescent="0.15">
      <c r="A25" s="385">
        <v>19</v>
      </c>
      <c r="B25" s="403" t="s">
        <v>192</v>
      </c>
      <c r="C25" s="404">
        <v>1435</v>
      </c>
      <c r="D25" s="404">
        <v>19733</v>
      </c>
      <c r="E25" s="404">
        <v>838763950</v>
      </c>
      <c r="F25" s="404">
        <v>68489</v>
      </c>
      <c r="G25" s="404">
        <v>101244</v>
      </c>
      <c r="H25" s="405">
        <v>975988361</v>
      </c>
      <c r="I25" s="406">
        <v>17072</v>
      </c>
      <c r="J25" s="407">
        <v>30294</v>
      </c>
      <c r="K25" s="407">
        <v>222067240</v>
      </c>
      <c r="L25" s="408">
        <v>86996</v>
      </c>
      <c r="M25" s="408">
        <v>151271</v>
      </c>
      <c r="N25" s="409">
        <v>2036819551</v>
      </c>
      <c r="O25" s="384">
        <v>19</v>
      </c>
      <c r="P25" s="410" t="s">
        <v>192</v>
      </c>
      <c r="Q25" s="406">
        <v>47356</v>
      </c>
      <c r="R25" s="407">
        <v>55392</v>
      </c>
      <c r="S25" s="407">
        <v>533315388</v>
      </c>
      <c r="T25" s="406">
        <v>1378</v>
      </c>
      <c r="U25" s="407">
        <v>50312</v>
      </c>
      <c r="V25" s="407">
        <v>33399130</v>
      </c>
      <c r="W25" s="406">
        <v>229</v>
      </c>
      <c r="X25" s="407">
        <v>1122</v>
      </c>
      <c r="Y25" s="407">
        <v>12275440</v>
      </c>
      <c r="Z25" s="418">
        <v>134581</v>
      </c>
      <c r="AA25" s="409">
        <v>2615809509</v>
      </c>
      <c r="AB25" s="384">
        <v>19</v>
      </c>
      <c r="AC25" s="410" t="s">
        <v>192</v>
      </c>
      <c r="AD25" s="406">
        <v>0</v>
      </c>
      <c r="AE25" s="407">
        <v>147</v>
      </c>
      <c r="AF25" s="407">
        <v>1358127</v>
      </c>
      <c r="AG25" s="407">
        <v>62</v>
      </c>
      <c r="AH25" s="407">
        <v>2728651</v>
      </c>
      <c r="AI25" s="407">
        <v>1790</v>
      </c>
      <c r="AJ25" s="407">
        <v>11918303</v>
      </c>
      <c r="AK25" s="407">
        <v>195</v>
      </c>
      <c r="AL25" s="407">
        <v>6179710</v>
      </c>
      <c r="AM25" s="407">
        <v>318</v>
      </c>
      <c r="AN25" s="407">
        <v>3538000</v>
      </c>
      <c r="AO25" s="407">
        <v>0</v>
      </c>
      <c r="AP25" s="407">
        <v>0</v>
      </c>
      <c r="AQ25" s="408">
        <v>2512</v>
      </c>
      <c r="AR25" s="408">
        <v>25722791</v>
      </c>
      <c r="AS25" s="411">
        <v>2</v>
      </c>
      <c r="AT25" s="377">
        <v>31184</v>
      </c>
      <c r="AU25" s="385">
        <v>19</v>
      </c>
      <c r="AV25" s="403" t="s">
        <v>313</v>
      </c>
      <c r="AW25" s="406">
        <v>0</v>
      </c>
      <c r="AX25" s="407">
        <v>0</v>
      </c>
      <c r="AY25" s="411">
        <v>137093</v>
      </c>
      <c r="AZ25" s="412">
        <v>2641532300</v>
      </c>
      <c r="BA25" s="413">
        <v>1946633361</v>
      </c>
      <c r="BB25" s="406">
        <v>629194828</v>
      </c>
      <c r="BC25" s="407">
        <v>65704111</v>
      </c>
      <c r="BD25" s="406">
        <v>5128</v>
      </c>
      <c r="BE25" s="407">
        <v>248675381</v>
      </c>
      <c r="BF25" s="407">
        <v>11</v>
      </c>
      <c r="BG25" s="414">
        <v>219942</v>
      </c>
      <c r="BH25" s="384">
        <v>19</v>
      </c>
      <c r="BI25" s="415" t="s">
        <v>192</v>
      </c>
      <c r="BJ25" s="379">
        <v>29</v>
      </c>
      <c r="BK25" s="379">
        <v>11207300</v>
      </c>
      <c r="BL25" s="379">
        <v>40</v>
      </c>
      <c r="BM25" s="379">
        <v>2000000</v>
      </c>
      <c r="BN25" s="379">
        <v>0</v>
      </c>
      <c r="BO25" s="379">
        <v>0</v>
      </c>
      <c r="BP25" s="379">
        <v>0</v>
      </c>
      <c r="BQ25" s="379">
        <v>0</v>
      </c>
      <c r="BR25" s="379">
        <v>0</v>
      </c>
      <c r="BS25" s="379">
        <v>0</v>
      </c>
      <c r="BT25" s="379">
        <v>69</v>
      </c>
      <c r="BU25" s="380">
        <v>13207300</v>
      </c>
      <c r="BV25" s="416">
        <v>137162</v>
      </c>
      <c r="BW25" s="417">
        <v>2654739600</v>
      </c>
      <c r="CA25" s="374" t="e">
        <v>#REF!</v>
      </c>
    </row>
    <row r="26" spans="1:79" s="326" customFormat="1" ht="12.9" customHeight="1" x14ac:dyDescent="0.15">
      <c r="A26" s="385">
        <v>20</v>
      </c>
      <c r="B26" s="403" t="s">
        <v>191</v>
      </c>
      <c r="C26" s="404">
        <v>2326</v>
      </c>
      <c r="D26" s="404">
        <v>34281</v>
      </c>
      <c r="E26" s="404">
        <v>1302476921</v>
      </c>
      <c r="F26" s="404">
        <v>87850</v>
      </c>
      <c r="G26" s="404">
        <v>131160</v>
      </c>
      <c r="H26" s="405">
        <v>1415365234</v>
      </c>
      <c r="I26" s="406">
        <v>22659</v>
      </c>
      <c r="J26" s="407">
        <v>36598</v>
      </c>
      <c r="K26" s="407">
        <v>259116410</v>
      </c>
      <c r="L26" s="408">
        <v>112835</v>
      </c>
      <c r="M26" s="408">
        <v>202039</v>
      </c>
      <c r="N26" s="409">
        <v>2976958565</v>
      </c>
      <c r="O26" s="384">
        <v>20</v>
      </c>
      <c r="P26" s="410" t="s">
        <v>191</v>
      </c>
      <c r="Q26" s="406">
        <v>61209</v>
      </c>
      <c r="R26" s="407">
        <v>73425</v>
      </c>
      <c r="S26" s="407">
        <v>739913677</v>
      </c>
      <c r="T26" s="406">
        <v>2174</v>
      </c>
      <c r="U26" s="407">
        <v>87820</v>
      </c>
      <c r="V26" s="407">
        <v>58375528</v>
      </c>
      <c r="W26" s="406">
        <v>452</v>
      </c>
      <c r="X26" s="407">
        <v>2803</v>
      </c>
      <c r="Y26" s="407">
        <v>29981470</v>
      </c>
      <c r="Z26" s="408">
        <v>174496</v>
      </c>
      <c r="AA26" s="409">
        <v>3805229240</v>
      </c>
      <c r="AB26" s="384">
        <v>20</v>
      </c>
      <c r="AC26" s="410" t="s">
        <v>191</v>
      </c>
      <c r="AD26" s="406">
        <v>116</v>
      </c>
      <c r="AE26" s="407">
        <v>234</v>
      </c>
      <c r="AF26" s="407">
        <v>9512610</v>
      </c>
      <c r="AG26" s="407">
        <v>109</v>
      </c>
      <c r="AH26" s="407">
        <v>4222451</v>
      </c>
      <c r="AI26" s="407">
        <v>3067</v>
      </c>
      <c r="AJ26" s="407">
        <v>21129603</v>
      </c>
      <c r="AK26" s="407">
        <v>402</v>
      </c>
      <c r="AL26" s="407">
        <v>12520210</v>
      </c>
      <c r="AM26" s="407">
        <v>135</v>
      </c>
      <c r="AN26" s="407">
        <v>2708401</v>
      </c>
      <c r="AO26" s="407">
        <v>0</v>
      </c>
      <c r="AP26" s="407">
        <v>0</v>
      </c>
      <c r="AQ26" s="408">
        <v>3947</v>
      </c>
      <c r="AR26" s="408">
        <v>50093275</v>
      </c>
      <c r="AS26" s="411">
        <v>0</v>
      </c>
      <c r="AT26" s="377">
        <v>0</v>
      </c>
      <c r="AU26" s="385">
        <v>20</v>
      </c>
      <c r="AV26" s="403" t="s">
        <v>314</v>
      </c>
      <c r="AW26" s="406">
        <v>0</v>
      </c>
      <c r="AX26" s="407">
        <v>0</v>
      </c>
      <c r="AY26" s="411">
        <v>178559</v>
      </c>
      <c r="AZ26" s="412">
        <v>3855322515</v>
      </c>
      <c r="BA26" s="413">
        <v>2828282226</v>
      </c>
      <c r="BB26" s="406">
        <v>915685420</v>
      </c>
      <c r="BC26" s="407">
        <v>111354869</v>
      </c>
      <c r="BD26" s="406">
        <v>8046</v>
      </c>
      <c r="BE26" s="407">
        <v>387659700</v>
      </c>
      <c r="BF26" s="407">
        <v>19</v>
      </c>
      <c r="BG26" s="414">
        <v>264166</v>
      </c>
      <c r="BH26" s="384">
        <v>20</v>
      </c>
      <c r="BI26" s="415" t="s">
        <v>191</v>
      </c>
      <c r="BJ26" s="379">
        <v>42</v>
      </c>
      <c r="BK26" s="379">
        <v>16928970</v>
      </c>
      <c r="BL26" s="379">
        <v>66</v>
      </c>
      <c r="BM26" s="379">
        <v>3300000</v>
      </c>
      <c r="BN26" s="379">
        <v>0</v>
      </c>
      <c r="BO26" s="379">
        <v>0</v>
      </c>
      <c r="BP26" s="379">
        <v>0</v>
      </c>
      <c r="BQ26" s="379">
        <v>0</v>
      </c>
      <c r="BR26" s="379">
        <v>0</v>
      </c>
      <c r="BS26" s="379">
        <v>0</v>
      </c>
      <c r="BT26" s="379">
        <v>108</v>
      </c>
      <c r="BU26" s="380">
        <v>20228970</v>
      </c>
      <c r="BV26" s="416">
        <v>178667</v>
      </c>
      <c r="BW26" s="417">
        <v>3875551485</v>
      </c>
      <c r="CA26" s="374" t="e">
        <v>#REF!</v>
      </c>
    </row>
    <row r="27" spans="1:79" s="326" customFormat="1" ht="12.9" customHeight="1" x14ac:dyDescent="0.15">
      <c r="A27" s="385">
        <v>21</v>
      </c>
      <c r="B27" s="403" t="s">
        <v>189</v>
      </c>
      <c r="C27" s="404">
        <v>4116</v>
      </c>
      <c r="D27" s="404">
        <v>63910</v>
      </c>
      <c r="E27" s="404">
        <v>2436494486</v>
      </c>
      <c r="F27" s="404">
        <v>152003</v>
      </c>
      <c r="G27" s="404">
        <v>227742</v>
      </c>
      <c r="H27" s="405">
        <v>2588850082</v>
      </c>
      <c r="I27" s="406">
        <v>41487</v>
      </c>
      <c r="J27" s="407">
        <v>72045</v>
      </c>
      <c r="K27" s="407">
        <v>534386670</v>
      </c>
      <c r="L27" s="408">
        <v>197606</v>
      </c>
      <c r="M27" s="408">
        <v>363697</v>
      </c>
      <c r="N27" s="409">
        <v>5559731238</v>
      </c>
      <c r="O27" s="384">
        <v>21</v>
      </c>
      <c r="P27" s="410" t="s">
        <v>189</v>
      </c>
      <c r="Q27" s="406">
        <v>103346</v>
      </c>
      <c r="R27" s="407">
        <v>123429</v>
      </c>
      <c r="S27" s="407">
        <v>1280816007</v>
      </c>
      <c r="T27" s="406">
        <v>3871</v>
      </c>
      <c r="U27" s="407">
        <v>164558</v>
      </c>
      <c r="V27" s="407">
        <v>107588986</v>
      </c>
      <c r="W27" s="406">
        <v>746</v>
      </c>
      <c r="X27" s="407">
        <v>4304</v>
      </c>
      <c r="Y27" s="407">
        <v>48726980</v>
      </c>
      <c r="Z27" s="408">
        <v>301698</v>
      </c>
      <c r="AA27" s="409">
        <v>6996863211</v>
      </c>
      <c r="AB27" s="384">
        <v>21</v>
      </c>
      <c r="AC27" s="410" t="s">
        <v>189</v>
      </c>
      <c r="AD27" s="406">
        <v>0</v>
      </c>
      <c r="AE27" s="407">
        <v>229</v>
      </c>
      <c r="AF27" s="407">
        <v>3731523</v>
      </c>
      <c r="AG27" s="407">
        <v>166</v>
      </c>
      <c r="AH27" s="407">
        <v>5299647</v>
      </c>
      <c r="AI27" s="407">
        <v>6747</v>
      </c>
      <c r="AJ27" s="407">
        <v>52894320</v>
      </c>
      <c r="AK27" s="407">
        <v>534</v>
      </c>
      <c r="AL27" s="407">
        <v>14714590</v>
      </c>
      <c r="AM27" s="407">
        <v>220</v>
      </c>
      <c r="AN27" s="407">
        <v>3534150</v>
      </c>
      <c r="AO27" s="407">
        <v>1</v>
      </c>
      <c r="AP27" s="407">
        <v>43849</v>
      </c>
      <c r="AQ27" s="408">
        <v>7897</v>
      </c>
      <c r="AR27" s="408">
        <v>80218079</v>
      </c>
      <c r="AS27" s="376">
        <v>15</v>
      </c>
      <c r="AT27" s="377">
        <v>399441</v>
      </c>
      <c r="AU27" s="385">
        <v>21</v>
      </c>
      <c r="AV27" s="403" t="s">
        <v>315</v>
      </c>
      <c r="AW27" s="406">
        <v>0</v>
      </c>
      <c r="AX27" s="407">
        <v>0</v>
      </c>
      <c r="AY27" s="411">
        <v>309595</v>
      </c>
      <c r="AZ27" s="412">
        <v>7077081290</v>
      </c>
      <c r="BA27" s="413">
        <v>5202439501</v>
      </c>
      <c r="BB27" s="406">
        <v>1665956980</v>
      </c>
      <c r="BC27" s="407">
        <v>208684809</v>
      </c>
      <c r="BD27" s="406">
        <v>14623</v>
      </c>
      <c r="BE27" s="407">
        <v>751399663</v>
      </c>
      <c r="BF27" s="407">
        <v>37</v>
      </c>
      <c r="BG27" s="414">
        <v>750665</v>
      </c>
      <c r="BH27" s="384">
        <v>21</v>
      </c>
      <c r="BI27" s="415" t="s">
        <v>189</v>
      </c>
      <c r="BJ27" s="379">
        <v>85</v>
      </c>
      <c r="BK27" s="379">
        <v>35700000</v>
      </c>
      <c r="BL27" s="379">
        <v>155</v>
      </c>
      <c r="BM27" s="379">
        <v>7750000</v>
      </c>
      <c r="BN27" s="379">
        <v>0</v>
      </c>
      <c r="BO27" s="379">
        <v>0</v>
      </c>
      <c r="BP27" s="379">
        <v>0</v>
      </c>
      <c r="BQ27" s="379">
        <v>0</v>
      </c>
      <c r="BR27" s="379">
        <v>0</v>
      </c>
      <c r="BS27" s="379">
        <v>0</v>
      </c>
      <c r="BT27" s="379">
        <v>240</v>
      </c>
      <c r="BU27" s="380">
        <v>43450000</v>
      </c>
      <c r="BV27" s="416">
        <v>309835</v>
      </c>
      <c r="BW27" s="417">
        <v>7120531290</v>
      </c>
      <c r="CA27" s="374" t="e">
        <v>#REF!</v>
      </c>
    </row>
    <row r="28" spans="1:79" s="326" customFormat="1" ht="12.9" customHeight="1" x14ac:dyDescent="0.15">
      <c r="A28" s="385">
        <v>22</v>
      </c>
      <c r="B28" s="403" t="s">
        <v>187</v>
      </c>
      <c r="C28" s="404">
        <v>1777</v>
      </c>
      <c r="D28" s="404">
        <v>30365</v>
      </c>
      <c r="E28" s="404">
        <v>1050370890</v>
      </c>
      <c r="F28" s="404">
        <v>69411</v>
      </c>
      <c r="G28" s="404">
        <v>97964</v>
      </c>
      <c r="H28" s="405">
        <v>1009286268</v>
      </c>
      <c r="I28" s="406">
        <v>17020</v>
      </c>
      <c r="J28" s="407">
        <v>28881</v>
      </c>
      <c r="K28" s="407">
        <v>211180760</v>
      </c>
      <c r="L28" s="408">
        <v>88208</v>
      </c>
      <c r="M28" s="408">
        <v>157210</v>
      </c>
      <c r="N28" s="409">
        <v>2270837918</v>
      </c>
      <c r="O28" s="384">
        <v>22</v>
      </c>
      <c r="P28" s="410" t="s">
        <v>187</v>
      </c>
      <c r="Q28" s="406">
        <v>53262</v>
      </c>
      <c r="R28" s="407">
        <v>61600</v>
      </c>
      <c r="S28" s="407">
        <v>633161210</v>
      </c>
      <c r="T28" s="406">
        <v>1716</v>
      </c>
      <c r="U28" s="407">
        <v>81106</v>
      </c>
      <c r="V28" s="407">
        <v>53547766</v>
      </c>
      <c r="W28" s="406">
        <v>325</v>
      </c>
      <c r="X28" s="407">
        <v>1819</v>
      </c>
      <c r="Y28" s="407">
        <v>20335250</v>
      </c>
      <c r="Z28" s="408">
        <v>141795</v>
      </c>
      <c r="AA28" s="409">
        <v>2977882144</v>
      </c>
      <c r="AB28" s="384">
        <v>22</v>
      </c>
      <c r="AC28" s="410" t="s">
        <v>187</v>
      </c>
      <c r="AD28" s="406">
        <v>133</v>
      </c>
      <c r="AE28" s="407">
        <v>114</v>
      </c>
      <c r="AF28" s="407">
        <v>1267457</v>
      </c>
      <c r="AG28" s="407">
        <v>75</v>
      </c>
      <c r="AH28" s="407">
        <v>2670096</v>
      </c>
      <c r="AI28" s="407">
        <v>1883</v>
      </c>
      <c r="AJ28" s="407">
        <v>11808360</v>
      </c>
      <c r="AK28" s="407">
        <v>195</v>
      </c>
      <c r="AL28" s="407">
        <v>6482360</v>
      </c>
      <c r="AM28" s="407">
        <v>150</v>
      </c>
      <c r="AN28" s="407">
        <v>2730010</v>
      </c>
      <c r="AO28" s="407">
        <v>0</v>
      </c>
      <c r="AP28" s="407">
        <v>0</v>
      </c>
      <c r="AQ28" s="408">
        <v>2417</v>
      </c>
      <c r="AR28" s="408">
        <v>24958283</v>
      </c>
      <c r="AS28" s="376">
        <v>12</v>
      </c>
      <c r="AT28" s="377">
        <v>163042</v>
      </c>
      <c r="AU28" s="385">
        <v>22</v>
      </c>
      <c r="AV28" s="403" t="s">
        <v>187</v>
      </c>
      <c r="AW28" s="406">
        <v>0</v>
      </c>
      <c r="AX28" s="407">
        <v>0</v>
      </c>
      <c r="AY28" s="411">
        <v>144345</v>
      </c>
      <c r="AZ28" s="412">
        <v>3002840427</v>
      </c>
      <c r="BA28" s="413">
        <v>2207918173</v>
      </c>
      <c r="BB28" s="406">
        <v>708148369</v>
      </c>
      <c r="BC28" s="407">
        <v>86773885</v>
      </c>
      <c r="BD28" s="406">
        <v>6814</v>
      </c>
      <c r="BE28" s="407">
        <v>322775224</v>
      </c>
      <c r="BF28" s="407">
        <v>13</v>
      </c>
      <c r="BG28" s="414">
        <v>559462</v>
      </c>
      <c r="BH28" s="384">
        <v>22</v>
      </c>
      <c r="BI28" s="415" t="s">
        <v>187</v>
      </c>
      <c r="BJ28" s="379">
        <v>16</v>
      </c>
      <c r="BK28" s="379">
        <v>5880000</v>
      </c>
      <c r="BL28" s="379">
        <v>55</v>
      </c>
      <c r="BM28" s="379">
        <v>2750000</v>
      </c>
      <c r="BN28" s="379">
        <v>0</v>
      </c>
      <c r="BO28" s="379">
        <v>0</v>
      </c>
      <c r="BP28" s="379">
        <v>0</v>
      </c>
      <c r="BQ28" s="379">
        <v>0</v>
      </c>
      <c r="BR28" s="379">
        <v>0</v>
      </c>
      <c r="BS28" s="379">
        <v>0</v>
      </c>
      <c r="BT28" s="379">
        <v>71</v>
      </c>
      <c r="BU28" s="380">
        <v>8630000</v>
      </c>
      <c r="BV28" s="416">
        <v>144416</v>
      </c>
      <c r="BW28" s="417">
        <v>3011470427</v>
      </c>
      <c r="CA28" s="374" t="e">
        <v>#REF!</v>
      </c>
    </row>
    <row r="29" spans="1:79" s="326" customFormat="1" ht="12.9" customHeight="1" x14ac:dyDescent="0.15">
      <c r="A29" s="385">
        <v>23</v>
      </c>
      <c r="B29" s="375" t="s">
        <v>185</v>
      </c>
      <c r="C29" s="354">
        <v>1464</v>
      </c>
      <c r="D29" s="354">
        <v>23276</v>
      </c>
      <c r="E29" s="354">
        <v>857565420</v>
      </c>
      <c r="F29" s="354">
        <v>56803</v>
      </c>
      <c r="G29" s="354">
        <v>83411</v>
      </c>
      <c r="H29" s="355">
        <v>860204276</v>
      </c>
      <c r="I29" s="356">
        <v>13445</v>
      </c>
      <c r="J29" s="357">
        <v>23911</v>
      </c>
      <c r="K29" s="357">
        <v>167555150</v>
      </c>
      <c r="L29" s="358">
        <v>71712</v>
      </c>
      <c r="M29" s="358">
        <v>130598</v>
      </c>
      <c r="N29" s="362">
        <v>1885324846</v>
      </c>
      <c r="O29" s="384">
        <v>23</v>
      </c>
      <c r="P29" s="361" t="s">
        <v>185</v>
      </c>
      <c r="Q29" s="356">
        <v>43347</v>
      </c>
      <c r="R29" s="357">
        <v>50763</v>
      </c>
      <c r="S29" s="357">
        <v>498935262</v>
      </c>
      <c r="T29" s="356">
        <v>1398</v>
      </c>
      <c r="U29" s="357">
        <v>59058</v>
      </c>
      <c r="V29" s="357">
        <v>39592394</v>
      </c>
      <c r="W29" s="356">
        <v>204</v>
      </c>
      <c r="X29" s="357">
        <v>1100</v>
      </c>
      <c r="Y29" s="357">
        <v>12266430</v>
      </c>
      <c r="Z29" s="358">
        <v>115263</v>
      </c>
      <c r="AA29" s="362">
        <v>2436118932</v>
      </c>
      <c r="AB29" s="384">
        <v>23</v>
      </c>
      <c r="AC29" s="361" t="s">
        <v>185</v>
      </c>
      <c r="AD29" s="356">
        <v>5</v>
      </c>
      <c r="AE29" s="357">
        <v>58</v>
      </c>
      <c r="AF29" s="357">
        <v>1124458</v>
      </c>
      <c r="AG29" s="357">
        <v>69</v>
      </c>
      <c r="AH29" s="357">
        <v>2328286</v>
      </c>
      <c r="AI29" s="357">
        <v>1052</v>
      </c>
      <c r="AJ29" s="357">
        <v>6404773</v>
      </c>
      <c r="AK29" s="357">
        <v>178</v>
      </c>
      <c r="AL29" s="357">
        <v>7671170</v>
      </c>
      <c r="AM29" s="357">
        <v>77</v>
      </c>
      <c r="AN29" s="357">
        <v>1980530</v>
      </c>
      <c r="AO29" s="357">
        <v>2</v>
      </c>
      <c r="AP29" s="357">
        <v>12120</v>
      </c>
      <c r="AQ29" s="358">
        <v>1436</v>
      </c>
      <c r="AR29" s="358">
        <v>19521337</v>
      </c>
      <c r="AS29" s="419">
        <v>2</v>
      </c>
      <c r="AT29" s="420">
        <v>48774</v>
      </c>
      <c r="AU29" s="385">
        <v>23</v>
      </c>
      <c r="AV29" s="375" t="s">
        <v>185</v>
      </c>
      <c r="AW29" s="356">
        <v>0</v>
      </c>
      <c r="AX29" s="357">
        <v>0</v>
      </c>
      <c r="AY29" s="364">
        <v>116704</v>
      </c>
      <c r="AZ29" s="366">
        <v>2455640269</v>
      </c>
      <c r="BA29" s="367">
        <v>1801970210</v>
      </c>
      <c r="BB29" s="356">
        <v>571389498</v>
      </c>
      <c r="BC29" s="357">
        <v>82280561</v>
      </c>
      <c r="BD29" s="356">
        <v>5529</v>
      </c>
      <c r="BE29" s="357">
        <v>245957163</v>
      </c>
      <c r="BF29" s="357">
        <v>5</v>
      </c>
      <c r="BG29" s="368">
        <v>128840</v>
      </c>
      <c r="BH29" s="384">
        <v>23</v>
      </c>
      <c r="BI29" s="383" t="s">
        <v>185</v>
      </c>
      <c r="BJ29" s="379">
        <v>17</v>
      </c>
      <c r="BK29" s="379">
        <v>7433755</v>
      </c>
      <c r="BL29" s="379">
        <v>38</v>
      </c>
      <c r="BM29" s="379">
        <v>1900000</v>
      </c>
      <c r="BN29" s="379">
        <v>0</v>
      </c>
      <c r="BO29" s="379">
        <v>0</v>
      </c>
      <c r="BP29" s="379">
        <v>0</v>
      </c>
      <c r="BQ29" s="379">
        <v>0</v>
      </c>
      <c r="BR29" s="379">
        <v>0</v>
      </c>
      <c r="BS29" s="379">
        <v>0</v>
      </c>
      <c r="BT29" s="379">
        <v>55</v>
      </c>
      <c r="BU29" s="380">
        <v>9333755</v>
      </c>
      <c r="BV29" s="372">
        <v>116759</v>
      </c>
      <c r="BW29" s="373">
        <v>2464974024</v>
      </c>
      <c r="CA29" s="374" t="e">
        <v>#REF!</v>
      </c>
    </row>
    <row r="30" spans="1:79" s="326" customFormat="1" ht="12.9" customHeight="1" x14ac:dyDescent="0.15">
      <c r="A30" s="385">
        <v>24</v>
      </c>
      <c r="B30" s="375" t="s">
        <v>183</v>
      </c>
      <c r="C30" s="354">
        <v>579</v>
      </c>
      <c r="D30" s="354">
        <v>8354</v>
      </c>
      <c r="E30" s="354">
        <v>340865380</v>
      </c>
      <c r="F30" s="354">
        <v>22297</v>
      </c>
      <c r="G30" s="354">
        <v>32782</v>
      </c>
      <c r="H30" s="355">
        <v>327487020</v>
      </c>
      <c r="I30" s="356">
        <v>5186</v>
      </c>
      <c r="J30" s="357">
        <v>9914</v>
      </c>
      <c r="K30" s="357">
        <v>66220070</v>
      </c>
      <c r="L30" s="358">
        <v>28062</v>
      </c>
      <c r="M30" s="358">
        <v>51050</v>
      </c>
      <c r="N30" s="362">
        <v>734572470</v>
      </c>
      <c r="O30" s="384">
        <v>24</v>
      </c>
      <c r="P30" s="361" t="s">
        <v>183</v>
      </c>
      <c r="Q30" s="356">
        <v>16232</v>
      </c>
      <c r="R30" s="357">
        <v>19345</v>
      </c>
      <c r="S30" s="357">
        <v>228324120</v>
      </c>
      <c r="T30" s="356">
        <v>567</v>
      </c>
      <c r="U30" s="357">
        <v>22466</v>
      </c>
      <c r="V30" s="357">
        <v>14745769</v>
      </c>
      <c r="W30" s="356">
        <v>56</v>
      </c>
      <c r="X30" s="357">
        <v>224</v>
      </c>
      <c r="Y30" s="357">
        <v>2730490</v>
      </c>
      <c r="Z30" s="358">
        <v>44350</v>
      </c>
      <c r="AA30" s="362">
        <v>980372849</v>
      </c>
      <c r="AB30" s="384">
        <v>24</v>
      </c>
      <c r="AC30" s="361" t="s">
        <v>183</v>
      </c>
      <c r="AD30" s="356">
        <v>0</v>
      </c>
      <c r="AE30" s="357">
        <v>15</v>
      </c>
      <c r="AF30" s="357">
        <v>163610</v>
      </c>
      <c r="AG30" s="357">
        <v>22</v>
      </c>
      <c r="AH30" s="357">
        <v>962126</v>
      </c>
      <c r="AI30" s="357">
        <v>430</v>
      </c>
      <c r="AJ30" s="357">
        <v>2310502</v>
      </c>
      <c r="AK30" s="357">
        <v>119</v>
      </c>
      <c r="AL30" s="357">
        <v>3286560</v>
      </c>
      <c r="AM30" s="357">
        <v>14</v>
      </c>
      <c r="AN30" s="357">
        <v>162960</v>
      </c>
      <c r="AO30" s="357">
        <v>0</v>
      </c>
      <c r="AP30" s="357">
        <v>0</v>
      </c>
      <c r="AQ30" s="358">
        <v>600</v>
      </c>
      <c r="AR30" s="358">
        <v>6885758</v>
      </c>
      <c r="AS30" s="376">
        <v>0</v>
      </c>
      <c r="AT30" s="377">
        <v>0</v>
      </c>
      <c r="AU30" s="385">
        <v>24</v>
      </c>
      <c r="AV30" s="375" t="s">
        <v>183</v>
      </c>
      <c r="AW30" s="356">
        <v>0</v>
      </c>
      <c r="AX30" s="357">
        <v>0</v>
      </c>
      <c r="AY30" s="364">
        <v>44950</v>
      </c>
      <c r="AZ30" s="366">
        <v>987258607</v>
      </c>
      <c r="BA30" s="367">
        <v>724310123</v>
      </c>
      <c r="BB30" s="356">
        <v>237890487</v>
      </c>
      <c r="BC30" s="357">
        <v>25057997</v>
      </c>
      <c r="BD30" s="356">
        <v>1876</v>
      </c>
      <c r="BE30" s="357">
        <v>95716942</v>
      </c>
      <c r="BF30" s="357">
        <v>2</v>
      </c>
      <c r="BG30" s="368">
        <v>10507</v>
      </c>
      <c r="BH30" s="384">
        <v>24</v>
      </c>
      <c r="BI30" s="383" t="s">
        <v>183</v>
      </c>
      <c r="BJ30" s="379">
        <v>8</v>
      </c>
      <c r="BK30" s="379">
        <v>3360000</v>
      </c>
      <c r="BL30" s="379">
        <v>10</v>
      </c>
      <c r="BM30" s="379">
        <v>500000</v>
      </c>
      <c r="BN30" s="379">
        <v>0</v>
      </c>
      <c r="BO30" s="379">
        <v>0</v>
      </c>
      <c r="BP30" s="379">
        <v>0</v>
      </c>
      <c r="BQ30" s="379">
        <v>0</v>
      </c>
      <c r="BR30" s="379">
        <v>0</v>
      </c>
      <c r="BS30" s="379">
        <v>0</v>
      </c>
      <c r="BT30" s="379">
        <v>18</v>
      </c>
      <c r="BU30" s="380">
        <v>3860000</v>
      </c>
      <c r="BV30" s="372">
        <v>44968</v>
      </c>
      <c r="BW30" s="373">
        <v>991118607</v>
      </c>
      <c r="CA30" s="374" t="e">
        <v>#REF!</v>
      </c>
    </row>
    <row r="31" spans="1:79" s="326" customFormat="1" ht="12.9" customHeight="1" x14ac:dyDescent="0.15">
      <c r="A31" s="385">
        <v>25</v>
      </c>
      <c r="B31" s="375" t="s">
        <v>181</v>
      </c>
      <c r="C31" s="354">
        <v>790</v>
      </c>
      <c r="D31" s="354">
        <v>10844</v>
      </c>
      <c r="E31" s="354">
        <v>456960030</v>
      </c>
      <c r="F31" s="354">
        <v>32417</v>
      </c>
      <c r="G31" s="354">
        <v>47372</v>
      </c>
      <c r="H31" s="355">
        <v>425809184</v>
      </c>
      <c r="I31" s="356">
        <v>6977</v>
      </c>
      <c r="J31" s="357">
        <v>12619</v>
      </c>
      <c r="K31" s="357">
        <v>93953170</v>
      </c>
      <c r="L31" s="358">
        <v>40184</v>
      </c>
      <c r="M31" s="358">
        <v>70835</v>
      </c>
      <c r="N31" s="362">
        <v>976722384</v>
      </c>
      <c r="O31" s="384">
        <v>25</v>
      </c>
      <c r="P31" s="361" t="s">
        <v>181</v>
      </c>
      <c r="Q31" s="356">
        <v>23681</v>
      </c>
      <c r="R31" s="357">
        <v>27969</v>
      </c>
      <c r="S31" s="357">
        <v>240332170</v>
      </c>
      <c r="T31" s="356">
        <v>752</v>
      </c>
      <c r="U31" s="357">
        <v>27612</v>
      </c>
      <c r="V31" s="357">
        <v>18637134</v>
      </c>
      <c r="W31" s="356">
        <v>184</v>
      </c>
      <c r="X31" s="357">
        <v>1439</v>
      </c>
      <c r="Y31" s="357">
        <v>17127180</v>
      </c>
      <c r="Z31" s="358">
        <v>64049</v>
      </c>
      <c r="AA31" s="362">
        <v>1252818868</v>
      </c>
      <c r="AB31" s="384">
        <v>25</v>
      </c>
      <c r="AC31" s="361" t="s">
        <v>181</v>
      </c>
      <c r="AD31" s="356">
        <v>16</v>
      </c>
      <c r="AE31" s="357">
        <v>37</v>
      </c>
      <c r="AF31" s="357">
        <v>272520</v>
      </c>
      <c r="AG31" s="357">
        <v>38</v>
      </c>
      <c r="AH31" s="357">
        <v>1168950</v>
      </c>
      <c r="AI31" s="357">
        <v>908</v>
      </c>
      <c r="AJ31" s="357">
        <v>5602962</v>
      </c>
      <c r="AK31" s="357">
        <v>110</v>
      </c>
      <c r="AL31" s="357">
        <v>2873260</v>
      </c>
      <c r="AM31" s="357">
        <v>61</v>
      </c>
      <c r="AN31" s="357">
        <v>763160</v>
      </c>
      <c r="AO31" s="357">
        <v>0</v>
      </c>
      <c r="AP31" s="357">
        <v>0</v>
      </c>
      <c r="AQ31" s="358">
        <v>1154</v>
      </c>
      <c r="AR31" s="358">
        <v>10680852</v>
      </c>
      <c r="AS31" s="376">
        <v>0</v>
      </c>
      <c r="AT31" s="377">
        <v>0</v>
      </c>
      <c r="AU31" s="385">
        <v>25</v>
      </c>
      <c r="AV31" s="375" t="s">
        <v>181</v>
      </c>
      <c r="AW31" s="356">
        <v>0</v>
      </c>
      <c r="AX31" s="357">
        <v>0</v>
      </c>
      <c r="AY31" s="364">
        <v>65219</v>
      </c>
      <c r="AZ31" s="366">
        <v>1263499720</v>
      </c>
      <c r="BA31" s="367">
        <v>925791397</v>
      </c>
      <c r="BB31" s="356">
        <v>296218840</v>
      </c>
      <c r="BC31" s="357">
        <v>41489483</v>
      </c>
      <c r="BD31" s="356">
        <v>4623</v>
      </c>
      <c r="BE31" s="357">
        <v>113760654</v>
      </c>
      <c r="BF31" s="357">
        <v>2</v>
      </c>
      <c r="BG31" s="368">
        <v>56183</v>
      </c>
      <c r="BH31" s="384">
        <v>25</v>
      </c>
      <c r="BI31" s="383" t="s">
        <v>181</v>
      </c>
      <c r="BJ31" s="379">
        <v>12</v>
      </c>
      <c r="BK31" s="379">
        <v>5042520</v>
      </c>
      <c r="BL31" s="379">
        <v>21</v>
      </c>
      <c r="BM31" s="379">
        <v>1050000</v>
      </c>
      <c r="BN31" s="379">
        <v>0</v>
      </c>
      <c r="BO31" s="379">
        <v>0</v>
      </c>
      <c r="BP31" s="379">
        <v>0</v>
      </c>
      <c r="BQ31" s="379">
        <v>0</v>
      </c>
      <c r="BR31" s="379">
        <v>0</v>
      </c>
      <c r="BS31" s="379">
        <v>0</v>
      </c>
      <c r="BT31" s="379">
        <v>33</v>
      </c>
      <c r="BU31" s="380">
        <v>6092520</v>
      </c>
      <c r="BV31" s="372">
        <v>65252</v>
      </c>
      <c r="BW31" s="373">
        <v>1269592240</v>
      </c>
      <c r="CA31" s="374" t="e">
        <v>#REF!</v>
      </c>
    </row>
    <row r="32" spans="1:79" s="326" customFormat="1" ht="12.9" customHeight="1" x14ac:dyDescent="0.15">
      <c r="A32" s="385">
        <v>26</v>
      </c>
      <c r="B32" s="375" t="s">
        <v>179</v>
      </c>
      <c r="C32" s="354">
        <v>648</v>
      </c>
      <c r="D32" s="354">
        <v>10282</v>
      </c>
      <c r="E32" s="354">
        <v>384907510</v>
      </c>
      <c r="F32" s="354">
        <v>21960</v>
      </c>
      <c r="G32" s="354">
        <v>31933</v>
      </c>
      <c r="H32" s="355">
        <v>355145940</v>
      </c>
      <c r="I32" s="356">
        <v>5698</v>
      </c>
      <c r="J32" s="357">
        <v>10345</v>
      </c>
      <c r="K32" s="357">
        <v>76787430</v>
      </c>
      <c r="L32" s="358">
        <v>28306</v>
      </c>
      <c r="M32" s="358">
        <v>52560</v>
      </c>
      <c r="N32" s="362">
        <v>816840880</v>
      </c>
      <c r="O32" s="384">
        <v>26</v>
      </c>
      <c r="P32" s="361" t="s">
        <v>179</v>
      </c>
      <c r="Q32" s="356">
        <v>15937</v>
      </c>
      <c r="R32" s="357">
        <v>19039</v>
      </c>
      <c r="S32" s="357">
        <v>169825670</v>
      </c>
      <c r="T32" s="356">
        <v>627</v>
      </c>
      <c r="U32" s="357">
        <v>27296</v>
      </c>
      <c r="V32" s="357">
        <v>17915643</v>
      </c>
      <c r="W32" s="356">
        <v>50</v>
      </c>
      <c r="X32" s="357">
        <v>290</v>
      </c>
      <c r="Y32" s="357">
        <v>3311430</v>
      </c>
      <c r="Z32" s="358">
        <v>44293</v>
      </c>
      <c r="AA32" s="362">
        <v>1007893623</v>
      </c>
      <c r="AB32" s="384">
        <v>26</v>
      </c>
      <c r="AC32" s="361" t="s">
        <v>179</v>
      </c>
      <c r="AD32" s="356">
        <v>13</v>
      </c>
      <c r="AE32" s="357">
        <v>58</v>
      </c>
      <c r="AF32" s="357">
        <v>2108490</v>
      </c>
      <c r="AG32" s="357">
        <v>24</v>
      </c>
      <c r="AH32" s="357">
        <v>1009462</v>
      </c>
      <c r="AI32" s="357">
        <v>605</v>
      </c>
      <c r="AJ32" s="357">
        <v>3320903</v>
      </c>
      <c r="AK32" s="357">
        <v>54</v>
      </c>
      <c r="AL32" s="357">
        <v>1891540</v>
      </c>
      <c r="AM32" s="357">
        <v>49</v>
      </c>
      <c r="AN32" s="357">
        <v>692110</v>
      </c>
      <c r="AO32" s="357">
        <v>0</v>
      </c>
      <c r="AP32" s="357">
        <v>0</v>
      </c>
      <c r="AQ32" s="358">
        <v>790</v>
      </c>
      <c r="AR32" s="358">
        <v>9022505</v>
      </c>
      <c r="AS32" s="376">
        <v>0</v>
      </c>
      <c r="AT32" s="377">
        <v>0</v>
      </c>
      <c r="AU32" s="385">
        <v>26</v>
      </c>
      <c r="AV32" s="375" t="s">
        <v>179</v>
      </c>
      <c r="AW32" s="356">
        <v>0</v>
      </c>
      <c r="AX32" s="357">
        <v>0</v>
      </c>
      <c r="AY32" s="364">
        <v>45096</v>
      </c>
      <c r="AZ32" s="366">
        <v>1016916128</v>
      </c>
      <c r="BA32" s="367">
        <v>748625213</v>
      </c>
      <c r="BB32" s="356">
        <v>245307998</v>
      </c>
      <c r="BC32" s="357">
        <v>22982917</v>
      </c>
      <c r="BD32" s="356">
        <v>2186</v>
      </c>
      <c r="BE32" s="357">
        <v>112281674</v>
      </c>
      <c r="BF32" s="357">
        <v>2</v>
      </c>
      <c r="BG32" s="368">
        <v>203180</v>
      </c>
      <c r="BH32" s="384">
        <v>26</v>
      </c>
      <c r="BI32" s="383" t="s">
        <v>179</v>
      </c>
      <c r="BJ32" s="379">
        <v>5</v>
      </c>
      <c r="BK32" s="379">
        <v>1660000</v>
      </c>
      <c r="BL32" s="379">
        <v>26</v>
      </c>
      <c r="BM32" s="379">
        <v>1350000</v>
      </c>
      <c r="BN32" s="379">
        <v>0</v>
      </c>
      <c r="BO32" s="379">
        <v>0</v>
      </c>
      <c r="BP32" s="379">
        <v>0</v>
      </c>
      <c r="BQ32" s="379">
        <v>0</v>
      </c>
      <c r="BR32" s="379">
        <v>0</v>
      </c>
      <c r="BS32" s="379">
        <v>0</v>
      </c>
      <c r="BT32" s="379">
        <v>31</v>
      </c>
      <c r="BU32" s="380">
        <v>3010000</v>
      </c>
      <c r="BV32" s="372">
        <v>45127</v>
      </c>
      <c r="BW32" s="373">
        <v>1019926128</v>
      </c>
      <c r="CA32" s="374" t="e">
        <v>#REF!</v>
      </c>
    </row>
    <row r="33" spans="1:79" s="326" customFormat="1" ht="12.9" customHeight="1" x14ac:dyDescent="0.15">
      <c r="A33" s="352">
        <v>27</v>
      </c>
      <c r="B33" s="375" t="s">
        <v>176</v>
      </c>
      <c r="C33" s="354">
        <v>831</v>
      </c>
      <c r="D33" s="354">
        <v>14968</v>
      </c>
      <c r="E33" s="354">
        <v>462476600</v>
      </c>
      <c r="F33" s="354">
        <v>25768</v>
      </c>
      <c r="G33" s="354">
        <v>39447</v>
      </c>
      <c r="H33" s="355">
        <v>408866530</v>
      </c>
      <c r="I33" s="356">
        <v>5840</v>
      </c>
      <c r="J33" s="357">
        <v>10629</v>
      </c>
      <c r="K33" s="357">
        <v>73821520</v>
      </c>
      <c r="L33" s="358">
        <v>32439</v>
      </c>
      <c r="M33" s="358">
        <v>65044</v>
      </c>
      <c r="N33" s="362">
        <v>945164650</v>
      </c>
      <c r="O33" s="360">
        <v>27</v>
      </c>
      <c r="P33" s="361" t="s">
        <v>176</v>
      </c>
      <c r="Q33" s="356">
        <v>19825</v>
      </c>
      <c r="R33" s="357">
        <v>24314</v>
      </c>
      <c r="S33" s="357">
        <v>226985410</v>
      </c>
      <c r="T33" s="356">
        <v>794</v>
      </c>
      <c r="U33" s="357">
        <v>40318</v>
      </c>
      <c r="V33" s="357">
        <v>26701728</v>
      </c>
      <c r="W33" s="356">
        <v>90</v>
      </c>
      <c r="X33" s="357">
        <v>616</v>
      </c>
      <c r="Y33" s="357">
        <v>6289330</v>
      </c>
      <c r="Z33" s="358">
        <v>52354</v>
      </c>
      <c r="AA33" s="362">
        <v>1205141118</v>
      </c>
      <c r="AB33" s="384">
        <v>27</v>
      </c>
      <c r="AC33" s="361" t="s">
        <v>176</v>
      </c>
      <c r="AD33" s="356">
        <v>4</v>
      </c>
      <c r="AE33" s="357">
        <v>37</v>
      </c>
      <c r="AF33" s="357">
        <v>1291515</v>
      </c>
      <c r="AG33" s="357">
        <v>20</v>
      </c>
      <c r="AH33" s="357">
        <v>539647</v>
      </c>
      <c r="AI33" s="357">
        <v>531</v>
      </c>
      <c r="AJ33" s="357">
        <v>4089547</v>
      </c>
      <c r="AK33" s="357">
        <v>134</v>
      </c>
      <c r="AL33" s="357">
        <v>3177300</v>
      </c>
      <c r="AM33" s="357">
        <v>92</v>
      </c>
      <c r="AN33" s="357">
        <v>1525100</v>
      </c>
      <c r="AO33" s="357">
        <v>0</v>
      </c>
      <c r="AP33" s="357">
        <v>0</v>
      </c>
      <c r="AQ33" s="358">
        <v>814</v>
      </c>
      <c r="AR33" s="358">
        <v>10623109</v>
      </c>
      <c r="AS33" s="376">
        <v>1</v>
      </c>
      <c r="AT33" s="377">
        <v>6001</v>
      </c>
      <c r="AU33" s="352">
        <v>27</v>
      </c>
      <c r="AV33" s="375" t="s">
        <v>176</v>
      </c>
      <c r="AW33" s="356">
        <v>0</v>
      </c>
      <c r="AX33" s="357">
        <v>0</v>
      </c>
      <c r="AY33" s="364">
        <v>53172</v>
      </c>
      <c r="AZ33" s="366">
        <v>1215764227</v>
      </c>
      <c r="BA33" s="367">
        <v>891194871</v>
      </c>
      <c r="BB33" s="356">
        <v>290505961</v>
      </c>
      <c r="BC33" s="357">
        <v>34063395</v>
      </c>
      <c r="BD33" s="356">
        <v>2065</v>
      </c>
      <c r="BE33" s="357">
        <v>128077056</v>
      </c>
      <c r="BF33" s="357">
        <v>6</v>
      </c>
      <c r="BG33" s="368">
        <v>350949</v>
      </c>
      <c r="BH33" s="360">
        <v>27</v>
      </c>
      <c r="BI33" s="383" t="s">
        <v>176</v>
      </c>
      <c r="BJ33" s="379">
        <v>1</v>
      </c>
      <c r="BK33" s="379">
        <v>420000</v>
      </c>
      <c r="BL33" s="379">
        <v>26</v>
      </c>
      <c r="BM33" s="379">
        <v>1300000</v>
      </c>
      <c r="BN33" s="379">
        <v>0</v>
      </c>
      <c r="BO33" s="379">
        <v>0</v>
      </c>
      <c r="BP33" s="379">
        <v>0</v>
      </c>
      <c r="BQ33" s="379">
        <v>0</v>
      </c>
      <c r="BR33" s="379">
        <v>0</v>
      </c>
      <c r="BS33" s="379">
        <v>0</v>
      </c>
      <c r="BT33" s="379">
        <v>27</v>
      </c>
      <c r="BU33" s="380">
        <v>1720000</v>
      </c>
      <c r="BV33" s="372">
        <v>53199</v>
      </c>
      <c r="BW33" s="373">
        <v>1217484227</v>
      </c>
      <c r="CA33" s="374" t="e">
        <v>#REF!</v>
      </c>
    </row>
    <row r="34" spans="1:79" s="326" customFormat="1" ht="12.9" customHeight="1" x14ac:dyDescent="0.15">
      <c r="A34" s="352">
        <v>28</v>
      </c>
      <c r="B34" s="375" t="s">
        <v>174</v>
      </c>
      <c r="C34" s="354">
        <v>747</v>
      </c>
      <c r="D34" s="354">
        <v>11218</v>
      </c>
      <c r="E34" s="354">
        <v>431886090</v>
      </c>
      <c r="F34" s="354">
        <v>29949</v>
      </c>
      <c r="G34" s="354">
        <v>44854</v>
      </c>
      <c r="H34" s="355">
        <v>459158770</v>
      </c>
      <c r="I34" s="356">
        <v>6822</v>
      </c>
      <c r="J34" s="357">
        <v>12605</v>
      </c>
      <c r="K34" s="357">
        <v>96571600</v>
      </c>
      <c r="L34" s="358">
        <v>37518</v>
      </c>
      <c r="M34" s="358">
        <v>68677</v>
      </c>
      <c r="N34" s="362">
        <v>987616460</v>
      </c>
      <c r="O34" s="360">
        <v>28</v>
      </c>
      <c r="P34" s="361" t="s">
        <v>174</v>
      </c>
      <c r="Q34" s="356">
        <v>22232</v>
      </c>
      <c r="R34" s="357">
        <v>27333</v>
      </c>
      <c r="S34" s="357">
        <v>290028240</v>
      </c>
      <c r="T34" s="356">
        <v>715</v>
      </c>
      <c r="U34" s="357">
        <v>33063</v>
      </c>
      <c r="V34" s="357">
        <v>21808572</v>
      </c>
      <c r="W34" s="356">
        <v>157</v>
      </c>
      <c r="X34" s="357">
        <v>1145</v>
      </c>
      <c r="Y34" s="357">
        <v>12372220</v>
      </c>
      <c r="Z34" s="358">
        <v>59907</v>
      </c>
      <c r="AA34" s="362">
        <v>1311825492</v>
      </c>
      <c r="AB34" s="384">
        <v>28</v>
      </c>
      <c r="AC34" s="361" t="s">
        <v>174</v>
      </c>
      <c r="AD34" s="356">
        <v>4</v>
      </c>
      <c r="AE34" s="357">
        <v>46</v>
      </c>
      <c r="AF34" s="357">
        <v>505869</v>
      </c>
      <c r="AG34" s="357">
        <v>27</v>
      </c>
      <c r="AH34" s="357">
        <v>1505719</v>
      </c>
      <c r="AI34" s="357">
        <v>620</v>
      </c>
      <c r="AJ34" s="357">
        <v>4035554</v>
      </c>
      <c r="AK34" s="357">
        <v>125</v>
      </c>
      <c r="AL34" s="357">
        <v>4173300</v>
      </c>
      <c r="AM34" s="357">
        <v>33</v>
      </c>
      <c r="AN34" s="357">
        <v>440130</v>
      </c>
      <c r="AO34" s="357">
        <v>0</v>
      </c>
      <c r="AP34" s="357">
        <v>0</v>
      </c>
      <c r="AQ34" s="358">
        <v>851</v>
      </c>
      <c r="AR34" s="358">
        <v>10660572</v>
      </c>
      <c r="AS34" s="376">
        <v>5</v>
      </c>
      <c r="AT34" s="377">
        <v>125229</v>
      </c>
      <c r="AU34" s="352">
        <v>28</v>
      </c>
      <c r="AV34" s="375" t="s">
        <v>174</v>
      </c>
      <c r="AW34" s="356">
        <v>0</v>
      </c>
      <c r="AX34" s="357">
        <v>0</v>
      </c>
      <c r="AY34" s="364">
        <v>60762</v>
      </c>
      <c r="AZ34" s="366">
        <v>1322486064</v>
      </c>
      <c r="BA34" s="367">
        <v>966285872</v>
      </c>
      <c r="BB34" s="356">
        <v>314265778</v>
      </c>
      <c r="BC34" s="357">
        <v>41934414</v>
      </c>
      <c r="BD34" s="356">
        <v>2192</v>
      </c>
      <c r="BE34" s="357">
        <v>138935630</v>
      </c>
      <c r="BF34" s="357">
        <v>1</v>
      </c>
      <c r="BG34" s="368">
        <v>4475</v>
      </c>
      <c r="BH34" s="360">
        <v>28</v>
      </c>
      <c r="BI34" s="383" t="s">
        <v>174</v>
      </c>
      <c r="BJ34" s="379">
        <v>13</v>
      </c>
      <c r="BK34" s="379">
        <v>5444000</v>
      </c>
      <c r="BL34" s="379">
        <v>25</v>
      </c>
      <c r="BM34" s="379">
        <v>1450000</v>
      </c>
      <c r="BN34" s="379">
        <v>0</v>
      </c>
      <c r="BO34" s="379">
        <v>0</v>
      </c>
      <c r="BP34" s="379">
        <v>0</v>
      </c>
      <c r="BQ34" s="379">
        <v>0</v>
      </c>
      <c r="BR34" s="379">
        <v>0</v>
      </c>
      <c r="BS34" s="379">
        <v>0</v>
      </c>
      <c r="BT34" s="379">
        <v>38</v>
      </c>
      <c r="BU34" s="380">
        <v>6894000</v>
      </c>
      <c r="BV34" s="372">
        <v>60800</v>
      </c>
      <c r="BW34" s="373">
        <v>1329380064</v>
      </c>
      <c r="CA34" s="374" t="e">
        <v>#REF!</v>
      </c>
    </row>
    <row r="35" spans="1:79" s="326" customFormat="1" ht="12.9" customHeight="1" x14ac:dyDescent="0.15">
      <c r="A35" s="352">
        <v>29</v>
      </c>
      <c r="B35" s="375" t="s">
        <v>172</v>
      </c>
      <c r="C35" s="354">
        <v>663</v>
      </c>
      <c r="D35" s="354">
        <v>10912</v>
      </c>
      <c r="E35" s="354">
        <v>407620700</v>
      </c>
      <c r="F35" s="354">
        <v>23354</v>
      </c>
      <c r="G35" s="354">
        <v>34989</v>
      </c>
      <c r="H35" s="355">
        <v>364130980</v>
      </c>
      <c r="I35" s="356">
        <v>5361</v>
      </c>
      <c r="J35" s="357">
        <v>9563</v>
      </c>
      <c r="K35" s="357">
        <v>70869650</v>
      </c>
      <c r="L35" s="358">
        <v>29378</v>
      </c>
      <c r="M35" s="358">
        <v>55464</v>
      </c>
      <c r="N35" s="362">
        <v>842621330</v>
      </c>
      <c r="O35" s="360">
        <v>29</v>
      </c>
      <c r="P35" s="361" t="s">
        <v>172</v>
      </c>
      <c r="Q35" s="356">
        <v>15232</v>
      </c>
      <c r="R35" s="357">
        <v>19460</v>
      </c>
      <c r="S35" s="357">
        <v>193539780</v>
      </c>
      <c r="T35" s="356">
        <v>635</v>
      </c>
      <c r="U35" s="357">
        <v>28679</v>
      </c>
      <c r="V35" s="357">
        <v>18762117</v>
      </c>
      <c r="W35" s="356">
        <v>89</v>
      </c>
      <c r="X35" s="357">
        <v>423</v>
      </c>
      <c r="Y35" s="357">
        <v>4744300</v>
      </c>
      <c r="Z35" s="358">
        <v>44699</v>
      </c>
      <c r="AA35" s="362">
        <v>1059667527</v>
      </c>
      <c r="AB35" s="360">
        <v>29</v>
      </c>
      <c r="AC35" s="361" t="s">
        <v>172</v>
      </c>
      <c r="AD35" s="356">
        <v>0</v>
      </c>
      <c r="AE35" s="357">
        <v>19</v>
      </c>
      <c r="AF35" s="357">
        <v>334064</v>
      </c>
      <c r="AG35" s="357">
        <v>33</v>
      </c>
      <c r="AH35" s="357">
        <v>1248485</v>
      </c>
      <c r="AI35" s="357">
        <v>524</v>
      </c>
      <c r="AJ35" s="357">
        <v>3046255</v>
      </c>
      <c r="AK35" s="357">
        <v>68</v>
      </c>
      <c r="AL35" s="357">
        <v>1810440</v>
      </c>
      <c r="AM35" s="357">
        <v>25</v>
      </c>
      <c r="AN35" s="357">
        <v>643830</v>
      </c>
      <c r="AO35" s="357">
        <v>0</v>
      </c>
      <c r="AP35" s="357">
        <v>0</v>
      </c>
      <c r="AQ35" s="358">
        <v>669</v>
      </c>
      <c r="AR35" s="358">
        <v>7083074</v>
      </c>
      <c r="AS35" s="376">
        <v>2</v>
      </c>
      <c r="AT35" s="377">
        <v>84074</v>
      </c>
      <c r="AU35" s="352">
        <v>29</v>
      </c>
      <c r="AV35" s="375" t="s">
        <v>172</v>
      </c>
      <c r="AW35" s="356">
        <v>0</v>
      </c>
      <c r="AX35" s="357">
        <v>0</v>
      </c>
      <c r="AY35" s="364">
        <v>45368</v>
      </c>
      <c r="AZ35" s="366">
        <v>1066750601</v>
      </c>
      <c r="BA35" s="367">
        <v>788805704</v>
      </c>
      <c r="BB35" s="356">
        <v>252530011</v>
      </c>
      <c r="BC35" s="357">
        <v>25414886</v>
      </c>
      <c r="BD35" s="356">
        <v>1739</v>
      </c>
      <c r="BE35" s="357">
        <v>101728240</v>
      </c>
      <c r="BF35" s="357">
        <v>1</v>
      </c>
      <c r="BG35" s="368">
        <v>27451</v>
      </c>
      <c r="BH35" s="360">
        <v>29</v>
      </c>
      <c r="BI35" s="383" t="s">
        <v>172</v>
      </c>
      <c r="BJ35" s="379">
        <v>6</v>
      </c>
      <c r="BK35" s="379">
        <v>2187150</v>
      </c>
      <c r="BL35" s="379">
        <v>25</v>
      </c>
      <c r="BM35" s="379">
        <v>1250000</v>
      </c>
      <c r="BN35" s="379">
        <v>0</v>
      </c>
      <c r="BO35" s="379">
        <v>0</v>
      </c>
      <c r="BP35" s="379">
        <v>0</v>
      </c>
      <c r="BQ35" s="379">
        <v>0</v>
      </c>
      <c r="BR35" s="379">
        <v>0</v>
      </c>
      <c r="BS35" s="379">
        <v>0</v>
      </c>
      <c r="BT35" s="379">
        <v>31</v>
      </c>
      <c r="BU35" s="380">
        <v>3437150</v>
      </c>
      <c r="BV35" s="372">
        <v>45399</v>
      </c>
      <c r="BW35" s="373">
        <v>1070187751</v>
      </c>
      <c r="CA35" s="374" t="e">
        <v>#REF!</v>
      </c>
    </row>
    <row r="36" spans="1:79" s="326" customFormat="1" ht="12.9" customHeight="1" x14ac:dyDescent="0.15">
      <c r="A36" s="352">
        <v>30</v>
      </c>
      <c r="B36" s="375" t="s">
        <v>170</v>
      </c>
      <c r="C36" s="354">
        <v>561</v>
      </c>
      <c r="D36" s="354">
        <v>8631</v>
      </c>
      <c r="E36" s="354">
        <v>345749600</v>
      </c>
      <c r="F36" s="354">
        <v>18942</v>
      </c>
      <c r="G36" s="354">
        <v>27127</v>
      </c>
      <c r="H36" s="355">
        <v>357272730</v>
      </c>
      <c r="I36" s="356">
        <v>3788</v>
      </c>
      <c r="J36" s="357">
        <v>6660</v>
      </c>
      <c r="K36" s="357">
        <v>52367580</v>
      </c>
      <c r="L36" s="358">
        <v>23291</v>
      </c>
      <c r="M36" s="358">
        <v>42418</v>
      </c>
      <c r="N36" s="362">
        <v>755389910</v>
      </c>
      <c r="O36" s="360">
        <v>30</v>
      </c>
      <c r="P36" s="361" t="s">
        <v>170</v>
      </c>
      <c r="Q36" s="356">
        <v>11994</v>
      </c>
      <c r="R36" s="357">
        <v>13769</v>
      </c>
      <c r="S36" s="357">
        <v>147272170</v>
      </c>
      <c r="T36" s="356">
        <v>524</v>
      </c>
      <c r="U36" s="357">
        <v>22027</v>
      </c>
      <c r="V36" s="357">
        <v>14532423</v>
      </c>
      <c r="W36" s="356">
        <v>88</v>
      </c>
      <c r="X36" s="357">
        <v>599</v>
      </c>
      <c r="Y36" s="357">
        <v>7337330</v>
      </c>
      <c r="Z36" s="358">
        <v>35373</v>
      </c>
      <c r="AA36" s="362">
        <v>924531833</v>
      </c>
      <c r="AB36" s="360">
        <v>30</v>
      </c>
      <c r="AC36" s="361" t="s">
        <v>170</v>
      </c>
      <c r="AD36" s="356">
        <v>0</v>
      </c>
      <c r="AE36" s="357">
        <v>8</v>
      </c>
      <c r="AF36" s="357">
        <v>433850</v>
      </c>
      <c r="AG36" s="357">
        <v>20</v>
      </c>
      <c r="AH36" s="357">
        <v>530580</v>
      </c>
      <c r="AI36" s="357">
        <v>553</v>
      </c>
      <c r="AJ36" s="357">
        <v>4084911</v>
      </c>
      <c r="AK36" s="357">
        <v>101</v>
      </c>
      <c r="AL36" s="357">
        <v>1704960</v>
      </c>
      <c r="AM36" s="357">
        <v>20</v>
      </c>
      <c r="AN36" s="357">
        <v>502200</v>
      </c>
      <c r="AO36" s="357">
        <v>0</v>
      </c>
      <c r="AP36" s="357">
        <v>0</v>
      </c>
      <c r="AQ36" s="358">
        <v>702</v>
      </c>
      <c r="AR36" s="358">
        <v>7256501</v>
      </c>
      <c r="AS36" s="376">
        <v>0</v>
      </c>
      <c r="AT36" s="377">
        <v>0</v>
      </c>
      <c r="AU36" s="352">
        <v>30</v>
      </c>
      <c r="AV36" s="375" t="s">
        <v>170</v>
      </c>
      <c r="AW36" s="356">
        <v>0</v>
      </c>
      <c r="AX36" s="357">
        <v>0</v>
      </c>
      <c r="AY36" s="364">
        <v>36075</v>
      </c>
      <c r="AZ36" s="366">
        <v>931788334</v>
      </c>
      <c r="BA36" s="367">
        <v>683592080</v>
      </c>
      <c r="BB36" s="356">
        <v>227553149</v>
      </c>
      <c r="BC36" s="357">
        <v>20643105</v>
      </c>
      <c r="BD36" s="356">
        <v>1926</v>
      </c>
      <c r="BE36" s="357">
        <v>114375800</v>
      </c>
      <c r="BF36" s="357">
        <v>3</v>
      </c>
      <c r="BG36" s="368">
        <v>28379</v>
      </c>
      <c r="BH36" s="360">
        <v>30</v>
      </c>
      <c r="BI36" s="383" t="s">
        <v>170</v>
      </c>
      <c r="BJ36" s="379">
        <v>3</v>
      </c>
      <c r="BK36" s="379">
        <v>1260000</v>
      </c>
      <c r="BL36" s="379">
        <v>19</v>
      </c>
      <c r="BM36" s="379">
        <v>950000</v>
      </c>
      <c r="BN36" s="379">
        <v>0</v>
      </c>
      <c r="BO36" s="379">
        <v>0</v>
      </c>
      <c r="BP36" s="379">
        <v>0</v>
      </c>
      <c r="BQ36" s="379">
        <v>0</v>
      </c>
      <c r="BR36" s="379">
        <v>0</v>
      </c>
      <c r="BS36" s="379">
        <v>0</v>
      </c>
      <c r="BT36" s="379">
        <v>22</v>
      </c>
      <c r="BU36" s="380">
        <v>2210000</v>
      </c>
      <c r="BV36" s="372">
        <v>36097</v>
      </c>
      <c r="BW36" s="373">
        <v>933998334</v>
      </c>
      <c r="CA36" s="374" t="e">
        <v>#REF!</v>
      </c>
    </row>
    <row r="37" spans="1:79" s="326" customFormat="1" ht="12.9" customHeight="1" x14ac:dyDescent="0.15">
      <c r="A37" s="352">
        <v>31</v>
      </c>
      <c r="B37" s="375" t="s">
        <v>168</v>
      </c>
      <c r="C37" s="354">
        <v>1749</v>
      </c>
      <c r="D37" s="354">
        <v>25352</v>
      </c>
      <c r="E37" s="354">
        <v>981404089</v>
      </c>
      <c r="F37" s="354">
        <v>58542</v>
      </c>
      <c r="G37" s="354">
        <v>83100</v>
      </c>
      <c r="H37" s="355">
        <v>953917003</v>
      </c>
      <c r="I37" s="356">
        <v>12466</v>
      </c>
      <c r="J37" s="357">
        <v>21589</v>
      </c>
      <c r="K37" s="357">
        <v>163981020</v>
      </c>
      <c r="L37" s="358">
        <v>72757</v>
      </c>
      <c r="M37" s="358">
        <v>130041</v>
      </c>
      <c r="N37" s="362">
        <v>2099302112</v>
      </c>
      <c r="O37" s="360">
        <v>31</v>
      </c>
      <c r="P37" s="361" t="s">
        <v>168</v>
      </c>
      <c r="Q37" s="356">
        <v>40319</v>
      </c>
      <c r="R37" s="357">
        <v>45974</v>
      </c>
      <c r="S37" s="357">
        <v>447047020</v>
      </c>
      <c r="T37" s="356">
        <v>1638</v>
      </c>
      <c r="U37" s="357">
        <v>63609</v>
      </c>
      <c r="V37" s="357">
        <v>42354376</v>
      </c>
      <c r="W37" s="356">
        <v>170</v>
      </c>
      <c r="X37" s="357">
        <v>1272</v>
      </c>
      <c r="Y37" s="357">
        <v>13166630</v>
      </c>
      <c r="Z37" s="358">
        <v>113246</v>
      </c>
      <c r="AA37" s="362">
        <v>2601870138</v>
      </c>
      <c r="AB37" s="360">
        <v>31</v>
      </c>
      <c r="AC37" s="361" t="s">
        <v>168</v>
      </c>
      <c r="AD37" s="356">
        <v>21</v>
      </c>
      <c r="AE37" s="357">
        <v>96</v>
      </c>
      <c r="AF37" s="357">
        <v>1017171</v>
      </c>
      <c r="AG37" s="357">
        <v>59</v>
      </c>
      <c r="AH37" s="357">
        <v>2078448</v>
      </c>
      <c r="AI37" s="357">
        <v>2632</v>
      </c>
      <c r="AJ37" s="357">
        <v>17809725</v>
      </c>
      <c r="AK37" s="357">
        <v>203</v>
      </c>
      <c r="AL37" s="357">
        <v>6858840</v>
      </c>
      <c r="AM37" s="357">
        <v>165</v>
      </c>
      <c r="AN37" s="357">
        <v>2584990</v>
      </c>
      <c r="AO37" s="357">
        <v>0</v>
      </c>
      <c r="AP37" s="357">
        <v>0</v>
      </c>
      <c r="AQ37" s="358">
        <v>3155</v>
      </c>
      <c r="AR37" s="358">
        <v>30349174</v>
      </c>
      <c r="AS37" s="376">
        <v>1</v>
      </c>
      <c r="AT37" s="377">
        <v>58260</v>
      </c>
      <c r="AU37" s="352">
        <v>31</v>
      </c>
      <c r="AV37" s="375" t="s">
        <v>168</v>
      </c>
      <c r="AW37" s="356">
        <v>0</v>
      </c>
      <c r="AX37" s="357">
        <v>0</v>
      </c>
      <c r="AY37" s="364">
        <v>116422</v>
      </c>
      <c r="AZ37" s="366">
        <v>2632219312</v>
      </c>
      <c r="BA37" s="367">
        <v>1930919505</v>
      </c>
      <c r="BB37" s="356">
        <v>648000435</v>
      </c>
      <c r="BC37" s="357">
        <v>53299372</v>
      </c>
      <c r="BD37" s="356">
        <v>5102</v>
      </c>
      <c r="BE37" s="357">
        <v>276911908</v>
      </c>
      <c r="BF37" s="357">
        <v>3</v>
      </c>
      <c r="BG37" s="368">
        <v>65971</v>
      </c>
      <c r="BH37" s="360">
        <v>31</v>
      </c>
      <c r="BI37" s="383" t="s">
        <v>168</v>
      </c>
      <c r="BJ37" s="379">
        <v>16</v>
      </c>
      <c r="BK37" s="379">
        <v>6720000</v>
      </c>
      <c r="BL37" s="379">
        <v>61</v>
      </c>
      <c r="BM37" s="379">
        <v>3050000</v>
      </c>
      <c r="BN37" s="379">
        <v>0</v>
      </c>
      <c r="BO37" s="379">
        <v>0</v>
      </c>
      <c r="BP37" s="379">
        <v>0</v>
      </c>
      <c r="BQ37" s="379">
        <v>0</v>
      </c>
      <c r="BR37" s="379">
        <v>0</v>
      </c>
      <c r="BS37" s="379">
        <v>0</v>
      </c>
      <c r="BT37" s="379">
        <v>77</v>
      </c>
      <c r="BU37" s="380">
        <v>9770000</v>
      </c>
      <c r="BV37" s="372">
        <v>116499</v>
      </c>
      <c r="BW37" s="373">
        <v>2641989312</v>
      </c>
      <c r="CA37" s="374" t="e">
        <v>#REF!</v>
      </c>
    </row>
    <row r="38" spans="1:79" s="326" customFormat="1" ht="12.9" customHeight="1" x14ac:dyDescent="0.15">
      <c r="A38" s="352">
        <v>32</v>
      </c>
      <c r="B38" s="375" t="s">
        <v>165</v>
      </c>
      <c r="C38" s="354">
        <v>2470</v>
      </c>
      <c r="D38" s="354">
        <v>39090</v>
      </c>
      <c r="E38" s="354">
        <v>1508303912</v>
      </c>
      <c r="F38" s="354">
        <v>89357</v>
      </c>
      <c r="G38" s="354">
        <v>131162</v>
      </c>
      <c r="H38" s="355">
        <v>1453224852</v>
      </c>
      <c r="I38" s="356">
        <v>17082</v>
      </c>
      <c r="J38" s="357">
        <v>31931</v>
      </c>
      <c r="K38" s="357">
        <v>223319240</v>
      </c>
      <c r="L38" s="358">
        <v>108909</v>
      </c>
      <c r="M38" s="358">
        <v>202183</v>
      </c>
      <c r="N38" s="362">
        <v>3184848004</v>
      </c>
      <c r="O38" s="360">
        <v>32</v>
      </c>
      <c r="P38" s="361" t="s">
        <v>165</v>
      </c>
      <c r="Q38" s="356">
        <v>69714</v>
      </c>
      <c r="R38" s="357">
        <v>82429</v>
      </c>
      <c r="S38" s="357">
        <v>778592457</v>
      </c>
      <c r="T38" s="356">
        <v>2351</v>
      </c>
      <c r="U38" s="357">
        <v>99672</v>
      </c>
      <c r="V38" s="357">
        <v>65696399</v>
      </c>
      <c r="W38" s="356">
        <v>324</v>
      </c>
      <c r="X38" s="357">
        <v>1876</v>
      </c>
      <c r="Y38" s="357">
        <v>19066370</v>
      </c>
      <c r="Z38" s="358">
        <v>178947</v>
      </c>
      <c r="AA38" s="362">
        <v>4048203230</v>
      </c>
      <c r="AB38" s="360">
        <v>32</v>
      </c>
      <c r="AC38" s="361" t="s">
        <v>165</v>
      </c>
      <c r="AD38" s="356">
        <v>0</v>
      </c>
      <c r="AE38" s="357">
        <v>60</v>
      </c>
      <c r="AF38" s="357">
        <v>2081619</v>
      </c>
      <c r="AG38" s="357">
        <v>66</v>
      </c>
      <c r="AH38" s="357">
        <v>2513023</v>
      </c>
      <c r="AI38" s="357">
        <v>3323</v>
      </c>
      <c r="AJ38" s="357">
        <v>19419892</v>
      </c>
      <c r="AK38" s="357">
        <v>505</v>
      </c>
      <c r="AL38" s="357">
        <v>16990284</v>
      </c>
      <c r="AM38" s="357">
        <v>131</v>
      </c>
      <c r="AN38" s="357">
        <v>2795810</v>
      </c>
      <c r="AO38" s="357">
        <v>0</v>
      </c>
      <c r="AP38" s="357">
        <v>0</v>
      </c>
      <c r="AQ38" s="358">
        <v>4085</v>
      </c>
      <c r="AR38" s="358">
        <v>43800628</v>
      </c>
      <c r="AS38" s="376">
        <v>3</v>
      </c>
      <c r="AT38" s="377">
        <v>52799</v>
      </c>
      <c r="AU38" s="352">
        <v>32</v>
      </c>
      <c r="AV38" s="375" t="s">
        <v>165</v>
      </c>
      <c r="AW38" s="356">
        <v>0</v>
      </c>
      <c r="AX38" s="357">
        <v>0</v>
      </c>
      <c r="AY38" s="364">
        <v>183032</v>
      </c>
      <c r="AZ38" s="366">
        <v>4092003858</v>
      </c>
      <c r="BA38" s="367">
        <v>2989100148</v>
      </c>
      <c r="BB38" s="356">
        <v>974537545</v>
      </c>
      <c r="BC38" s="357">
        <v>128366165</v>
      </c>
      <c r="BD38" s="356">
        <v>7869</v>
      </c>
      <c r="BE38" s="357">
        <v>463811456</v>
      </c>
      <c r="BF38" s="357">
        <v>15</v>
      </c>
      <c r="BG38" s="368">
        <v>476345</v>
      </c>
      <c r="BH38" s="360">
        <v>32</v>
      </c>
      <c r="BI38" s="383" t="s">
        <v>165</v>
      </c>
      <c r="BJ38" s="379">
        <v>43</v>
      </c>
      <c r="BK38" s="379">
        <v>17942030</v>
      </c>
      <c r="BL38" s="379">
        <v>61</v>
      </c>
      <c r="BM38" s="379">
        <v>3050000</v>
      </c>
      <c r="BN38" s="379">
        <v>0</v>
      </c>
      <c r="BO38" s="379">
        <v>0</v>
      </c>
      <c r="BP38" s="379">
        <v>0</v>
      </c>
      <c r="BQ38" s="379">
        <v>0</v>
      </c>
      <c r="BR38" s="379">
        <v>0</v>
      </c>
      <c r="BS38" s="379">
        <v>0</v>
      </c>
      <c r="BT38" s="379">
        <v>104</v>
      </c>
      <c r="BU38" s="380">
        <v>20992030</v>
      </c>
      <c r="BV38" s="372">
        <v>183136</v>
      </c>
      <c r="BW38" s="373">
        <v>4112995888</v>
      </c>
      <c r="CA38" s="374" t="e">
        <v>#REF!</v>
      </c>
    </row>
    <row r="39" spans="1:79" s="326" customFormat="1" ht="12.9" customHeight="1" thickBot="1" x14ac:dyDescent="0.2">
      <c r="A39" s="421">
        <v>33</v>
      </c>
      <c r="B39" s="422" t="s">
        <v>162</v>
      </c>
      <c r="C39" s="423">
        <v>211</v>
      </c>
      <c r="D39" s="423">
        <v>3664</v>
      </c>
      <c r="E39" s="423">
        <v>124008740</v>
      </c>
      <c r="F39" s="423">
        <v>6773</v>
      </c>
      <c r="G39" s="423">
        <v>9469</v>
      </c>
      <c r="H39" s="424">
        <v>95805480</v>
      </c>
      <c r="I39" s="425">
        <v>1580</v>
      </c>
      <c r="J39" s="426">
        <v>2726</v>
      </c>
      <c r="K39" s="426">
        <v>18928600</v>
      </c>
      <c r="L39" s="427">
        <v>8564</v>
      </c>
      <c r="M39" s="427">
        <v>15859</v>
      </c>
      <c r="N39" s="428">
        <v>238742820</v>
      </c>
      <c r="O39" s="429">
        <v>33</v>
      </c>
      <c r="P39" s="430" t="s">
        <v>162</v>
      </c>
      <c r="Q39" s="425">
        <v>3860</v>
      </c>
      <c r="R39" s="426">
        <v>4501</v>
      </c>
      <c r="S39" s="426">
        <v>48065820</v>
      </c>
      <c r="T39" s="425">
        <v>193</v>
      </c>
      <c r="U39" s="426">
        <v>9300</v>
      </c>
      <c r="V39" s="426">
        <v>6124970</v>
      </c>
      <c r="W39" s="425">
        <v>53</v>
      </c>
      <c r="X39" s="426">
        <v>410</v>
      </c>
      <c r="Y39" s="426">
        <v>4012530</v>
      </c>
      <c r="Z39" s="431">
        <v>12477</v>
      </c>
      <c r="AA39" s="428">
        <v>296946140</v>
      </c>
      <c r="AB39" s="429">
        <v>33</v>
      </c>
      <c r="AC39" s="430" t="s">
        <v>162</v>
      </c>
      <c r="AD39" s="425">
        <v>0</v>
      </c>
      <c r="AE39" s="426">
        <v>53</v>
      </c>
      <c r="AF39" s="426">
        <v>485400</v>
      </c>
      <c r="AG39" s="426">
        <v>9</v>
      </c>
      <c r="AH39" s="426">
        <v>228464</v>
      </c>
      <c r="AI39" s="426">
        <v>97</v>
      </c>
      <c r="AJ39" s="426">
        <v>545124</v>
      </c>
      <c r="AK39" s="426">
        <v>28</v>
      </c>
      <c r="AL39" s="426">
        <v>425860</v>
      </c>
      <c r="AM39" s="426">
        <v>3</v>
      </c>
      <c r="AN39" s="426">
        <v>14520</v>
      </c>
      <c r="AO39" s="426">
        <v>0</v>
      </c>
      <c r="AP39" s="426">
        <v>0</v>
      </c>
      <c r="AQ39" s="427">
        <v>190</v>
      </c>
      <c r="AR39" s="427">
        <v>1699368</v>
      </c>
      <c r="AS39" s="432">
        <v>0</v>
      </c>
      <c r="AT39" s="433">
        <v>0</v>
      </c>
      <c r="AU39" s="421">
        <v>33</v>
      </c>
      <c r="AV39" s="422" t="s">
        <v>162</v>
      </c>
      <c r="AW39" s="425">
        <v>0</v>
      </c>
      <c r="AX39" s="426">
        <v>0</v>
      </c>
      <c r="AY39" s="432">
        <v>12667</v>
      </c>
      <c r="AZ39" s="434">
        <v>298645508</v>
      </c>
      <c r="BA39" s="435">
        <v>218634460</v>
      </c>
      <c r="BB39" s="425">
        <v>68017613</v>
      </c>
      <c r="BC39" s="426">
        <v>11993435</v>
      </c>
      <c r="BD39" s="425">
        <v>487</v>
      </c>
      <c r="BE39" s="426">
        <v>27925269</v>
      </c>
      <c r="BF39" s="426">
        <v>0</v>
      </c>
      <c r="BG39" s="436">
        <v>0</v>
      </c>
      <c r="BH39" s="429">
        <v>33</v>
      </c>
      <c r="BI39" s="437" t="s">
        <v>162</v>
      </c>
      <c r="BJ39" s="438">
        <v>0</v>
      </c>
      <c r="BK39" s="438">
        <v>0</v>
      </c>
      <c r="BL39" s="438">
        <v>9</v>
      </c>
      <c r="BM39" s="438">
        <v>450000</v>
      </c>
      <c r="BN39" s="438">
        <v>0</v>
      </c>
      <c r="BO39" s="438">
        <v>0</v>
      </c>
      <c r="BP39" s="438">
        <v>0</v>
      </c>
      <c r="BQ39" s="438">
        <v>0</v>
      </c>
      <c r="BR39" s="438">
        <v>0</v>
      </c>
      <c r="BS39" s="438">
        <v>0</v>
      </c>
      <c r="BT39" s="438">
        <v>9</v>
      </c>
      <c r="BU39" s="439">
        <v>450000</v>
      </c>
      <c r="BV39" s="440">
        <v>12676</v>
      </c>
      <c r="BW39" s="441">
        <v>299095508</v>
      </c>
      <c r="CA39" s="374" t="e">
        <v>#REF!</v>
      </c>
    </row>
    <row r="40" spans="1:79" s="326" customFormat="1" ht="12.9" customHeight="1" thickTop="1" thickBot="1" x14ac:dyDescent="0.2">
      <c r="A40" s="878" t="s">
        <v>316</v>
      </c>
      <c r="B40" s="879"/>
      <c r="C40" s="442">
        <v>378224</v>
      </c>
      <c r="D40" s="442">
        <v>5553594</v>
      </c>
      <c r="E40" s="442">
        <v>225171091651</v>
      </c>
      <c r="F40" s="442">
        <v>15729067</v>
      </c>
      <c r="G40" s="442">
        <v>24149016</v>
      </c>
      <c r="H40" s="442">
        <v>234488940050</v>
      </c>
      <c r="I40" s="442">
        <v>3802817</v>
      </c>
      <c r="J40" s="442">
        <v>6720147</v>
      </c>
      <c r="K40" s="442">
        <v>48966157801</v>
      </c>
      <c r="L40" s="442">
        <v>19910108</v>
      </c>
      <c r="M40" s="442">
        <v>36422757</v>
      </c>
      <c r="N40" s="443">
        <v>508626189502</v>
      </c>
      <c r="O40" s="880" t="s">
        <v>316</v>
      </c>
      <c r="P40" s="881"/>
      <c r="Q40" s="444">
        <v>11494664</v>
      </c>
      <c r="R40" s="444">
        <v>13661469</v>
      </c>
      <c r="S40" s="444">
        <v>132487424988</v>
      </c>
      <c r="T40" s="444">
        <v>358567</v>
      </c>
      <c r="U40" s="444">
        <v>14388579</v>
      </c>
      <c r="V40" s="444">
        <v>9449630717</v>
      </c>
      <c r="W40" s="444">
        <v>70674</v>
      </c>
      <c r="X40" s="444">
        <v>454481</v>
      </c>
      <c r="Y40" s="444">
        <v>5143475365</v>
      </c>
      <c r="Z40" s="444">
        <v>31475446</v>
      </c>
      <c r="AA40" s="445">
        <v>655706720572</v>
      </c>
      <c r="AB40" s="880" t="s">
        <v>316</v>
      </c>
      <c r="AC40" s="881"/>
      <c r="AD40" s="444">
        <v>4496</v>
      </c>
      <c r="AE40" s="444">
        <v>33018</v>
      </c>
      <c r="AF40" s="444">
        <v>620074966</v>
      </c>
      <c r="AG40" s="444">
        <v>14583</v>
      </c>
      <c r="AH40" s="444">
        <v>544659150</v>
      </c>
      <c r="AI40" s="444">
        <v>624718</v>
      </c>
      <c r="AJ40" s="444">
        <v>4534074637</v>
      </c>
      <c r="AK40" s="444">
        <v>56725</v>
      </c>
      <c r="AL40" s="444">
        <v>1764910423</v>
      </c>
      <c r="AM40" s="444">
        <v>34813</v>
      </c>
      <c r="AN40" s="444">
        <v>468707831</v>
      </c>
      <c r="AO40" s="444">
        <v>152</v>
      </c>
      <c r="AP40" s="444">
        <v>2420620</v>
      </c>
      <c r="AQ40" s="444">
        <v>764009</v>
      </c>
      <c r="AR40" s="444">
        <v>7934847627</v>
      </c>
      <c r="AS40" s="444">
        <v>1194</v>
      </c>
      <c r="AT40" s="445">
        <v>69100509</v>
      </c>
      <c r="AU40" s="878" t="s">
        <v>316</v>
      </c>
      <c r="AV40" s="879"/>
      <c r="AW40" s="444">
        <v>29</v>
      </c>
      <c r="AX40" s="444">
        <v>5481760</v>
      </c>
      <c r="AY40" s="444">
        <v>32243980</v>
      </c>
      <c r="AZ40" s="444">
        <v>663647049959</v>
      </c>
      <c r="BA40" s="444">
        <v>485744282961</v>
      </c>
      <c r="BB40" s="444">
        <v>157800324004</v>
      </c>
      <c r="BC40" s="444">
        <v>20102442994</v>
      </c>
      <c r="BD40" s="444">
        <v>1333367</v>
      </c>
      <c r="BE40" s="444">
        <v>67580067897</v>
      </c>
      <c r="BF40" s="444">
        <v>2402</v>
      </c>
      <c r="BG40" s="445">
        <v>60263547</v>
      </c>
      <c r="BH40" s="880" t="s">
        <v>316</v>
      </c>
      <c r="BI40" s="882"/>
      <c r="BJ40" s="446">
        <v>6451</v>
      </c>
      <c r="BK40" s="446">
        <v>2608895203</v>
      </c>
      <c r="BL40" s="446">
        <v>10568</v>
      </c>
      <c r="BM40" s="446">
        <v>528650000</v>
      </c>
      <c r="BN40" s="446">
        <v>0</v>
      </c>
      <c r="BO40" s="446">
        <v>0</v>
      </c>
      <c r="BP40" s="446">
        <v>0</v>
      </c>
      <c r="BQ40" s="446">
        <v>0</v>
      </c>
      <c r="BR40" s="446">
        <v>6</v>
      </c>
      <c r="BS40" s="446">
        <v>3800000</v>
      </c>
      <c r="BT40" s="446">
        <v>17025</v>
      </c>
      <c r="BU40" s="447">
        <v>3141345203</v>
      </c>
      <c r="BV40" s="448">
        <v>32261005</v>
      </c>
      <c r="BW40" s="447">
        <v>666788395162</v>
      </c>
      <c r="CA40" s="374" t="e">
        <v>#REF!</v>
      </c>
    </row>
    <row r="41" spans="1:79" s="326" customFormat="1" ht="12.9" customHeight="1" thickTop="1" x14ac:dyDescent="0.15">
      <c r="A41" s="352">
        <v>301</v>
      </c>
      <c r="B41" s="449" t="s">
        <v>317</v>
      </c>
      <c r="C41" s="450">
        <v>1065</v>
      </c>
      <c r="D41" s="450">
        <v>9997</v>
      </c>
      <c r="E41" s="450">
        <v>669225380</v>
      </c>
      <c r="F41" s="354">
        <v>75855</v>
      </c>
      <c r="G41" s="354">
        <v>103715</v>
      </c>
      <c r="H41" s="355">
        <v>1074699520</v>
      </c>
      <c r="I41" s="356">
        <v>26774</v>
      </c>
      <c r="J41" s="357">
        <v>41649</v>
      </c>
      <c r="K41" s="357">
        <v>296616360</v>
      </c>
      <c r="L41" s="358">
        <v>103694</v>
      </c>
      <c r="M41" s="358">
        <v>155361</v>
      </c>
      <c r="N41" s="362">
        <v>2040541260</v>
      </c>
      <c r="O41" s="360">
        <v>301</v>
      </c>
      <c r="P41" s="451" t="s">
        <v>317</v>
      </c>
      <c r="Q41" s="356">
        <v>48846</v>
      </c>
      <c r="R41" s="357">
        <v>56546</v>
      </c>
      <c r="S41" s="357">
        <v>662548250</v>
      </c>
      <c r="T41" s="356">
        <v>1014</v>
      </c>
      <c r="U41" s="357">
        <v>21362</v>
      </c>
      <c r="V41" s="357">
        <v>15310225</v>
      </c>
      <c r="W41" s="356">
        <v>128</v>
      </c>
      <c r="X41" s="357">
        <v>957</v>
      </c>
      <c r="Y41" s="357">
        <v>13307480</v>
      </c>
      <c r="Z41" s="358">
        <v>152668</v>
      </c>
      <c r="AA41" s="362">
        <v>2731707215</v>
      </c>
      <c r="AB41" s="360">
        <v>301</v>
      </c>
      <c r="AC41" s="451" t="s">
        <v>317</v>
      </c>
      <c r="AD41" s="356">
        <v>0</v>
      </c>
      <c r="AE41" s="357">
        <v>45</v>
      </c>
      <c r="AF41" s="357">
        <v>751270</v>
      </c>
      <c r="AG41" s="357">
        <v>90</v>
      </c>
      <c r="AH41" s="357">
        <v>3143068</v>
      </c>
      <c r="AI41" s="357">
        <v>2850</v>
      </c>
      <c r="AJ41" s="357">
        <v>16315707</v>
      </c>
      <c r="AK41" s="357">
        <v>25</v>
      </c>
      <c r="AL41" s="357">
        <v>609070</v>
      </c>
      <c r="AM41" s="357">
        <v>22</v>
      </c>
      <c r="AN41" s="357">
        <v>197840</v>
      </c>
      <c r="AO41" s="357">
        <v>0</v>
      </c>
      <c r="AP41" s="357">
        <v>0</v>
      </c>
      <c r="AQ41" s="358">
        <v>3032</v>
      </c>
      <c r="AR41" s="358">
        <v>21016955</v>
      </c>
      <c r="AS41" s="396">
        <v>0</v>
      </c>
      <c r="AT41" s="420">
        <v>0</v>
      </c>
      <c r="AU41" s="352">
        <v>301</v>
      </c>
      <c r="AV41" s="449" t="s">
        <v>317</v>
      </c>
      <c r="AW41" s="356">
        <v>0</v>
      </c>
      <c r="AX41" s="357">
        <v>0</v>
      </c>
      <c r="AY41" s="364">
        <v>155700</v>
      </c>
      <c r="AZ41" s="366">
        <v>2752724170</v>
      </c>
      <c r="BA41" s="367">
        <v>1933752833</v>
      </c>
      <c r="BB41" s="356">
        <v>762558631</v>
      </c>
      <c r="BC41" s="357">
        <v>56412706</v>
      </c>
      <c r="BD41" s="356">
        <v>1117</v>
      </c>
      <c r="BE41" s="357">
        <v>156808583</v>
      </c>
      <c r="BF41" s="357">
        <v>1</v>
      </c>
      <c r="BG41" s="368">
        <v>45924</v>
      </c>
      <c r="BH41" s="360">
        <v>301</v>
      </c>
      <c r="BI41" s="451" t="s">
        <v>317</v>
      </c>
      <c r="BJ41" s="452">
        <v>46</v>
      </c>
      <c r="BK41" s="452">
        <v>18476830</v>
      </c>
      <c r="BL41" s="452">
        <v>17</v>
      </c>
      <c r="BM41" s="452">
        <v>2500000</v>
      </c>
      <c r="BN41" s="452">
        <v>68</v>
      </c>
      <c r="BO41" s="452">
        <v>1391000</v>
      </c>
      <c r="BP41" s="452">
        <v>0</v>
      </c>
      <c r="BQ41" s="452">
        <v>0</v>
      </c>
      <c r="BR41" s="452">
        <v>0</v>
      </c>
      <c r="BS41" s="452">
        <v>0</v>
      </c>
      <c r="BT41" s="452">
        <v>131</v>
      </c>
      <c r="BU41" s="453">
        <v>22367830</v>
      </c>
      <c r="BV41" s="372">
        <v>155831</v>
      </c>
      <c r="BW41" s="373">
        <v>2775092000</v>
      </c>
      <c r="CA41" s="374" t="e">
        <v>#REF!</v>
      </c>
    </row>
    <row r="42" spans="1:79" s="326" customFormat="1" ht="12.9" customHeight="1" x14ac:dyDescent="0.15">
      <c r="A42" s="352">
        <v>302</v>
      </c>
      <c r="B42" s="454" t="s">
        <v>318</v>
      </c>
      <c r="C42" s="450">
        <v>1430</v>
      </c>
      <c r="D42" s="450">
        <v>11331</v>
      </c>
      <c r="E42" s="450">
        <v>727324990</v>
      </c>
      <c r="F42" s="354">
        <v>105669</v>
      </c>
      <c r="G42" s="354">
        <v>142964</v>
      </c>
      <c r="H42" s="355">
        <v>1232927857</v>
      </c>
      <c r="I42" s="356">
        <v>11056</v>
      </c>
      <c r="J42" s="357">
        <v>16511</v>
      </c>
      <c r="K42" s="357">
        <v>136432610</v>
      </c>
      <c r="L42" s="358">
        <v>118155</v>
      </c>
      <c r="M42" s="358">
        <v>170806</v>
      </c>
      <c r="N42" s="362">
        <v>2096685457</v>
      </c>
      <c r="O42" s="360">
        <v>302</v>
      </c>
      <c r="P42" s="455" t="s">
        <v>318</v>
      </c>
      <c r="Q42" s="356">
        <v>69181</v>
      </c>
      <c r="R42" s="357">
        <v>79695</v>
      </c>
      <c r="S42" s="357">
        <v>675474419</v>
      </c>
      <c r="T42" s="356">
        <v>1269</v>
      </c>
      <c r="U42" s="357">
        <v>25066</v>
      </c>
      <c r="V42" s="357">
        <v>16492015</v>
      </c>
      <c r="W42" s="356">
        <v>114</v>
      </c>
      <c r="X42" s="357">
        <v>718</v>
      </c>
      <c r="Y42" s="357">
        <v>8160530</v>
      </c>
      <c r="Z42" s="358">
        <v>187450</v>
      </c>
      <c r="AA42" s="362">
        <v>2796812421</v>
      </c>
      <c r="AB42" s="360">
        <v>302</v>
      </c>
      <c r="AC42" s="455" t="s">
        <v>318</v>
      </c>
      <c r="AD42" s="356">
        <v>0</v>
      </c>
      <c r="AE42" s="357">
        <v>207</v>
      </c>
      <c r="AF42" s="357">
        <v>1652638</v>
      </c>
      <c r="AG42" s="357">
        <v>82</v>
      </c>
      <c r="AH42" s="357">
        <v>3149160</v>
      </c>
      <c r="AI42" s="357">
        <v>6651</v>
      </c>
      <c r="AJ42" s="357">
        <v>38956482</v>
      </c>
      <c r="AK42" s="357">
        <v>0</v>
      </c>
      <c r="AL42" s="357">
        <v>0</v>
      </c>
      <c r="AM42" s="357">
        <v>7</v>
      </c>
      <c r="AN42" s="357">
        <v>85250</v>
      </c>
      <c r="AO42" s="357">
        <v>1</v>
      </c>
      <c r="AP42" s="357">
        <v>61097</v>
      </c>
      <c r="AQ42" s="358">
        <v>6948</v>
      </c>
      <c r="AR42" s="358">
        <v>43904627</v>
      </c>
      <c r="AS42" s="376">
        <v>0</v>
      </c>
      <c r="AT42" s="377">
        <v>0</v>
      </c>
      <c r="AU42" s="352">
        <v>302</v>
      </c>
      <c r="AV42" s="454" t="s">
        <v>318</v>
      </c>
      <c r="AW42" s="356">
        <v>0</v>
      </c>
      <c r="AX42" s="357">
        <v>0</v>
      </c>
      <c r="AY42" s="364">
        <v>194398</v>
      </c>
      <c r="AZ42" s="366">
        <v>2840717048</v>
      </c>
      <c r="BA42" s="367">
        <v>2006367899</v>
      </c>
      <c r="BB42" s="356">
        <v>771079677</v>
      </c>
      <c r="BC42" s="357">
        <v>63269472</v>
      </c>
      <c r="BD42" s="356">
        <v>1593</v>
      </c>
      <c r="BE42" s="357">
        <v>173060940</v>
      </c>
      <c r="BF42" s="357">
        <v>1</v>
      </c>
      <c r="BG42" s="368">
        <v>1104</v>
      </c>
      <c r="BH42" s="360">
        <v>302</v>
      </c>
      <c r="BI42" s="455" t="s">
        <v>318</v>
      </c>
      <c r="BJ42" s="456">
        <v>230</v>
      </c>
      <c r="BK42" s="456">
        <v>93634520</v>
      </c>
      <c r="BL42" s="456">
        <v>15</v>
      </c>
      <c r="BM42" s="456">
        <v>2150000</v>
      </c>
      <c r="BN42" s="456">
        <v>772</v>
      </c>
      <c r="BO42" s="456">
        <v>23265000</v>
      </c>
      <c r="BP42" s="456">
        <v>0</v>
      </c>
      <c r="BQ42" s="456">
        <v>0</v>
      </c>
      <c r="BR42" s="456">
        <v>0</v>
      </c>
      <c r="BS42" s="456">
        <v>0</v>
      </c>
      <c r="BT42" s="456">
        <v>1017</v>
      </c>
      <c r="BU42" s="457">
        <v>119049520</v>
      </c>
      <c r="BV42" s="372">
        <v>195415</v>
      </c>
      <c r="BW42" s="373">
        <v>2959766568</v>
      </c>
      <c r="CA42" s="374" t="e">
        <v>#REF!</v>
      </c>
    </row>
    <row r="43" spans="1:79" s="326" customFormat="1" ht="12.9" customHeight="1" x14ac:dyDescent="0.15">
      <c r="A43" s="352">
        <v>303</v>
      </c>
      <c r="B43" s="454" t="s">
        <v>319</v>
      </c>
      <c r="C43" s="450">
        <v>1667</v>
      </c>
      <c r="D43" s="450">
        <v>17454</v>
      </c>
      <c r="E43" s="450">
        <v>1079396981</v>
      </c>
      <c r="F43" s="354">
        <v>95771</v>
      </c>
      <c r="G43" s="354">
        <v>138450</v>
      </c>
      <c r="H43" s="355">
        <v>1275534220</v>
      </c>
      <c r="I43" s="356">
        <v>27434</v>
      </c>
      <c r="J43" s="357">
        <v>49402</v>
      </c>
      <c r="K43" s="357">
        <v>361103600</v>
      </c>
      <c r="L43" s="358">
        <v>124872</v>
      </c>
      <c r="M43" s="358">
        <v>205306</v>
      </c>
      <c r="N43" s="362">
        <v>2716034801</v>
      </c>
      <c r="O43" s="360">
        <v>303</v>
      </c>
      <c r="P43" s="455" t="s">
        <v>319</v>
      </c>
      <c r="Q43" s="356">
        <v>68394</v>
      </c>
      <c r="R43" s="357">
        <v>80566</v>
      </c>
      <c r="S43" s="357">
        <v>816212135</v>
      </c>
      <c r="T43" s="356">
        <v>1537</v>
      </c>
      <c r="U43" s="357">
        <v>39823</v>
      </c>
      <c r="V43" s="357">
        <v>26708356</v>
      </c>
      <c r="W43" s="356">
        <v>141</v>
      </c>
      <c r="X43" s="357">
        <v>812</v>
      </c>
      <c r="Y43" s="357">
        <v>9500020</v>
      </c>
      <c r="Z43" s="358">
        <v>193407</v>
      </c>
      <c r="AA43" s="362">
        <v>3568455312</v>
      </c>
      <c r="AB43" s="360">
        <v>303</v>
      </c>
      <c r="AC43" s="455" t="s">
        <v>319</v>
      </c>
      <c r="AD43" s="356">
        <v>0</v>
      </c>
      <c r="AE43" s="357">
        <v>85</v>
      </c>
      <c r="AF43" s="357">
        <v>1213955</v>
      </c>
      <c r="AG43" s="357">
        <v>72</v>
      </c>
      <c r="AH43" s="357">
        <v>2740346</v>
      </c>
      <c r="AI43" s="357">
        <v>7898</v>
      </c>
      <c r="AJ43" s="357">
        <v>53591991</v>
      </c>
      <c r="AK43" s="357">
        <v>194</v>
      </c>
      <c r="AL43" s="357">
        <v>5279370</v>
      </c>
      <c r="AM43" s="357">
        <v>173</v>
      </c>
      <c r="AN43" s="357">
        <v>1868050</v>
      </c>
      <c r="AO43" s="357">
        <v>0</v>
      </c>
      <c r="AP43" s="357">
        <v>0</v>
      </c>
      <c r="AQ43" s="358">
        <v>8422</v>
      </c>
      <c r="AR43" s="358">
        <v>64693712</v>
      </c>
      <c r="AS43" s="376">
        <v>0</v>
      </c>
      <c r="AT43" s="377">
        <v>0</v>
      </c>
      <c r="AU43" s="352">
        <v>303</v>
      </c>
      <c r="AV43" s="454" t="s">
        <v>319</v>
      </c>
      <c r="AW43" s="356">
        <v>1</v>
      </c>
      <c r="AX43" s="357">
        <v>42821</v>
      </c>
      <c r="AY43" s="364">
        <v>201830</v>
      </c>
      <c r="AZ43" s="366">
        <v>3633191845</v>
      </c>
      <c r="BA43" s="367">
        <v>2606029389</v>
      </c>
      <c r="BB43" s="356">
        <v>939625419</v>
      </c>
      <c r="BC43" s="357">
        <v>87537037</v>
      </c>
      <c r="BD43" s="356">
        <v>3068</v>
      </c>
      <c r="BE43" s="357">
        <v>340593529</v>
      </c>
      <c r="BF43" s="357">
        <v>0</v>
      </c>
      <c r="BG43" s="368">
        <v>0</v>
      </c>
      <c r="BH43" s="360">
        <v>303</v>
      </c>
      <c r="BI43" s="455" t="s">
        <v>319</v>
      </c>
      <c r="BJ43" s="456">
        <v>64</v>
      </c>
      <c r="BK43" s="456">
        <v>26880000</v>
      </c>
      <c r="BL43" s="456">
        <v>33</v>
      </c>
      <c r="BM43" s="456">
        <v>6140000</v>
      </c>
      <c r="BN43" s="456">
        <v>8</v>
      </c>
      <c r="BO43" s="456">
        <v>210000</v>
      </c>
      <c r="BP43" s="456">
        <v>0</v>
      </c>
      <c r="BQ43" s="456">
        <v>0</v>
      </c>
      <c r="BR43" s="456">
        <v>0</v>
      </c>
      <c r="BS43" s="456">
        <v>0</v>
      </c>
      <c r="BT43" s="456">
        <v>105</v>
      </c>
      <c r="BU43" s="457">
        <v>33230000</v>
      </c>
      <c r="BV43" s="372">
        <v>201935</v>
      </c>
      <c r="BW43" s="373">
        <v>3666421845</v>
      </c>
      <c r="CA43" s="374" t="e">
        <v>#REF!</v>
      </c>
    </row>
    <row r="44" spans="1:79" s="326" customFormat="1" ht="12.9" customHeight="1" x14ac:dyDescent="0.15">
      <c r="A44" s="352">
        <v>304</v>
      </c>
      <c r="B44" s="454" t="s">
        <v>320</v>
      </c>
      <c r="C44" s="450">
        <v>339</v>
      </c>
      <c r="D44" s="450">
        <v>3267</v>
      </c>
      <c r="E44" s="450">
        <v>184142950</v>
      </c>
      <c r="F44" s="354">
        <v>29471</v>
      </c>
      <c r="G44" s="354">
        <v>40362</v>
      </c>
      <c r="H44" s="355">
        <v>273453250</v>
      </c>
      <c r="I44" s="356">
        <v>7890</v>
      </c>
      <c r="J44" s="357">
        <v>12624</v>
      </c>
      <c r="K44" s="357">
        <v>89089320</v>
      </c>
      <c r="L44" s="358">
        <v>37700</v>
      </c>
      <c r="M44" s="358">
        <v>56253</v>
      </c>
      <c r="N44" s="362">
        <v>546685520</v>
      </c>
      <c r="O44" s="360">
        <v>304</v>
      </c>
      <c r="P44" s="455" t="s">
        <v>320</v>
      </c>
      <c r="Q44" s="356">
        <v>22195</v>
      </c>
      <c r="R44" s="357">
        <v>26202</v>
      </c>
      <c r="S44" s="357">
        <v>211410190</v>
      </c>
      <c r="T44" s="356">
        <v>313</v>
      </c>
      <c r="U44" s="357">
        <v>7506</v>
      </c>
      <c r="V44" s="357">
        <v>5071763</v>
      </c>
      <c r="W44" s="356">
        <v>19</v>
      </c>
      <c r="X44" s="357">
        <v>110</v>
      </c>
      <c r="Y44" s="357">
        <v>1174280</v>
      </c>
      <c r="Z44" s="358">
        <v>59914</v>
      </c>
      <c r="AA44" s="362">
        <v>764341753</v>
      </c>
      <c r="AB44" s="360">
        <v>304</v>
      </c>
      <c r="AC44" s="455" t="s">
        <v>320</v>
      </c>
      <c r="AD44" s="356">
        <v>1</v>
      </c>
      <c r="AE44" s="357">
        <v>30</v>
      </c>
      <c r="AF44" s="357">
        <v>357650</v>
      </c>
      <c r="AG44" s="357">
        <v>26</v>
      </c>
      <c r="AH44" s="357">
        <v>780826</v>
      </c>
      <c r="AI44" s="357">
        <v>1329</v>
      </c>
      <c r="AJ44" s="357">
        <v>8178330</v>
      </c>
      <c r="AK44" s="357">
        <v>29</v>
      </c>
      <c r="AL44" s="357">
        <v>1194570</v>
      </c>
      <c r="AM44" s="357">
        <v>4</v>
      </c>
      <c r="AN44" s="357">
        <v>41340</v>
      </c>
      <c r="AO44" s="357">
        <v>0</v>
      </c>
      <c r="AP44" s="357">
        <v>0</v>
      </c>
      <c r="AQ44" s="358">
        <v>1418</v>
      </c>
      <c r="AR44" s="358">
        <v>10552716</v>
      </c>
      <c r="AS44" s="376">
        <v>0</v>
      </c>
      <c r="AT44" s="377">
        <v>0</v>
      </c>
      <c r="AU44" s="352">
        <v>304</v>
      </c>
      <c r="AV44" s="454" t="s">
        <v>320</v>
      </c>
      <c r="AW44" s="356">
        <v>0</v>
      </c>
      <c r="AX44" s="357">
        <v>0</v>
      </c>
      <c r="AY44" s="364">
        <v>61333</v>
      </c>
      <c r="AZ44" s="366">
        <v>774894469</v>
      </c>
      <c r="BA44" s="367">
        <v>546299788</v>
      </c>
      <c r="BB44" s="356">
        <v>208855968</v>
      </c>
      <c r="BC44" s="357">
        <v>19738713</v>
      </c>
      <c r="BD44" s="356">
        <v>415</v>
      </c>
      <c r="BE44" s="357">
        <v>43882640</v>
      </c>
      <c r="BF44" s="357">
        <v>0</v>
      </c>
      <c r="BG44" s="368">
        <v>0</v>
      </c>
      <c r="BH44" s="360">
        <v>304</v>
      </c>
      <c r="BI44" s="455" t="s">
        <v>320</v>
      </c>
      <c r="BJ44" s="456">
        <v>39</v>
      </c>
      <c r="BK44" s="456">
        <v>16380000</v>
      </c>
      <c r="BL44" s="456">
        <v>5</v>
      </c>
      <c r="BM44" s="456">
        <v>440000</v>
      </c>
      <c r="BN44" s="456">
        <v>0</v>
      </c>
      <c r="BO44" s="456">
        <v>0</v>
      </c>
      <c r="BP44" s="456">
        <v>0</v>
      </c>
      <c r="BQ44" s="456">
        <v>0</v>
      </c>
      <c r="BR44" s="456">
        <v>0</v>
      </c>
      <c r="BS44" s="456">
        <v>0</v>
      </c>
      <c r="BT44" s="456">
        <v>44</v>
      </c>
      <c r="BU44" s="457">
        <v>16820000</v>
      </c>
      <c r="BV44" s="372">
        <v>61377</v>
      </c>
      <c r="BW44" s="373">
        <v>791714469</v>
      </c>
      <c r="CA44" s="374" t="e">
        <v>#REF!</v>
      </c>
    </row>
    <row r="45" spans="1:79" s="326" customFormat="1" ht="12.9" customHeight="1" x14ac:dyDescent="0.15">
      <c r="A45" s="352">
        <v>305</v>
      </c>
      <c r="B45" s="454" t="s">
        <v>321</v>
      </c>
      <c r="C45" s="450">
        <v>783</v>
      </c>
      <c r="D45" s="450">
        <v>8148</v>
      </c>
      <c r="E45" s="450">
        <v>446153634</v>
      </c>
      <c r="F45" s="354">
        <v>49511</v>
      </c>
      <c r="G45" s="354">
        <v>68178</v>
      </c>
      <c r="H45" s="355">
        <v>569610021</v>
      </c>
      <c r="I45" s="356">
        <v>13367</v>
      </c>
      <c r="J45" s="357">
        <v>22965</v>
      </c>
      <c r="K45" s="357">
        <v>167560930</v>
      </c>
      <c r="L45" s="358">
        <v>63661</v>
      </c>
      <c r="M45" s="358">
        <v>99291</v>
      </c>
      <c r="N45" s="362">
        <v>1183324585</v>
      </c>
      <c r="O45" s="360">
        <v>305</v>
      </c>
      <c r="P45" s="455" t="s">
        <v>321</v>
      </c>
      <c r="Q45" s="356">
        <v>35892</v>
      </c>
      <c r="R45" s="357">
        <v>42132</v>
      </c>
      <c r="S45" s="357">
        <v>345301622</v>
      </c>
      <c r="T45" s="356">
        <v>706</v>
      </c>
      <c r="U45" s="357">
        <v>18862</v>
      </c>
      <c r="V45" s="357">
        <v>12445169</v>
      </c>
      <c r="W45" s="356">
        <v>147</v>
      </c>
      <c r="X45" s="357">
        <v>920</v>
      </c>
      <c r="Y45" s="357">
        <v>10003480</v>
      </c>
      <c r="Z45" s="358">
        <v>99700</v>
      </c>
      <c r="AA45" s="362">
        <v>1551074856</v>
      </c>
      <c r="AB45" s="360">
        <v>305</v>
      </c>
      <c r="AC45" s="455" t="s">
        <v>321</v>
      </c>
      <c r="AD45" s="356">
        <v>0</v>
      </c>
      <c r="AE45" s="357">
        <v>29</v>
      </c>
      <c r="AF45" s="357">
        <v>629060</v>
      </c>
      <c r="AG45" s="357">
        <v>53</v>
      </c>
      <c r="AH45" s="357">
        <v>1948876</v>
      </c>
      <c r="AI45" s="357">
        <v>2881</v>
      </c>
      <c r="AJ45" s="357">
        <v>19514404</v>
      </c>
      <c r="AK45" s="357">
        <v>0</v>
      </c>
      <c r="AL45" s="357">
        <v>0</v>
      </c>
      <c r="AM45" s="357">
        <v>0</v>
      </c>
      <c r="AN45" s="357">
        <v>0</v>
      </c>
      <c r="AO45" s="357">
        <v>0</v>
      </c>
      <c r="AP45" s="357">
        <v>0</v>
      </c>
      <c r="AQ45" s="358">
        <v>2963</v>
      </c>
      <c r="AR45" s="358">
        <v>22092340</v>
      </c>
      <c r="AS45" s="376">
        <v>0</v>
      </c>
      <c r="AT45" s="377">
        <v>0</v>
      </c>
      <c r="AU45" s="352">
        <v>305</v>
      </c>
      <c r="AV45" s="454" t="s">
        <v>321</v>
      </c>
      <c r="AW45" s="356">
        <v>0</v>
      </c>
      <c r="AX45" s="357">
        <v>0</v>
      </c>
      <c r="AY45" s="364">
        <v>102663</v>
      </c>
      <c r="AZ45" s="366">
        <v>1573167196</v>
      </c>
      <c r="BA45" s="367">
        <v>1117213837</v>
      </c>
      <c r="BB45" s="356">
        <v>401978204</v>
      </c>
      <c r="BC45" s="357">
        <v>53975155</v>
      </c>
      <c r="BD45" s="356">
        <v>790</v>
      </c>
      <c r="BE45" s="357">
        <v>112145024</v>
      </c>
      <c r="BF45" s="357">
        <v>1</v>
      </c>
      <c r="BG45" s="368">
        <v>6847</v>
      </c>
      <c r="BH45" s="360">
        <v>305</v>
      </c>
      <c r="BI45" s="455" t="s">
        <v>321</v>
      </c>
      <c r="BJ45" s="456">
        <v>42</v>
      </c>
      <c r="BK45" s="456">
        <v>17508765</v>
      </c>
      <c r="BL45" s="456">
        <v>18</v>
      </c>
      <c r="BM45" s="456">
        <v>1500000</v>
      </c>
      <c r="BN45" s="456">
        <v>244</v>
      </c>
      <c r="BO45" s="456">
        <v>9244000</v>
      </c>
      <c r="BP45" s="456">
        <v>5</v>
      </c>
      <c r="BQ45" s="456">
        <v>1250000</v>
      </c>
      <c r="BR45" s="456">
        <v>921</v>
      </c>
      <c r="BS45" s="456">
        <v>30481586</v>
      </c>
      <c r="BT45" s="456">
        <v>1230</v>
      </c>
      <c r="BU45" s="457">
        <v>59984351</v>
      </c>
      <c r="BV45" s="372">
        <v>103893</v>
      </c>
      <c r="BW45" s="373">
        <v>1633151547</v>
      </c>
      <c r="CA45" s="374" t="e">
        <v>#REF!</v>
      </c>
    </row>
    <row r="46" spans="1:79" s="326" customFormat="1" ht="12.9" customHeight="1" thickBot="1" x14ac:dyDescent="0.2">
      <c r="A46" s="421">
        <v>306</v>
      </c>
      <c r="B46" s="458" t="s">
        <v>322</v>
      </c>
      <c r="C46" s="450">
        <v>8757</v>
      </c>
      <c r="D46" s="450">
        <v>85137</v>
      </c>
      <c r="E46" s="450">
        <v>4942333697</v>
      </c>
      <c r="F46" s="354">
        <v>469093</v>
      </c>
      <c r="G46" s="354">
        <v>671082</v>
      </c>
      <c r="H46" s="355">
        <v>5630437617</v>
      </c>
      <c r="I46" s="356">
        <v>123554</v>
      </c>
      <c r="J46" s="357">
        <v>216715</v>
      </c>
      <c r="K46" s="357">
        <v>1618802642</v>
      </c>
      <c r="L46" s="358">
        <v>601404</v>
      </c>
      <c r="M46" s="391">
        <v>972934</v>
      </c>
      <c r="N46" s="392">
        <v>12191573956</v>
      </c>
      <c r="O46" s="429">
        <v>306</v>
      </c>
      <c r="P46" s="459" t="s">
        <v>322</v>
      </c>
      <c r="Q46" s="356">
        <v>336119</v>
      </c>
      <c r="R46" s="357">
        <v>399602</v>
      </c>
      <c r="S46" s="357">
        <v>3243925654</v>
      </c>
      <c r="T46" s="356">
        <v>8022</v>
      </c>
      <c r="U46" s="357">
        <v>194705</v>
      </c>
      <c r="V46" s="357">
        <v>130237490</v>
      </c>
      <c r="W46" s="356">
        <v>721</v>
      </c>
      <c r="X46" s="357">
        <v>4127</v>
      </c>
      <c r="Y46" s="357">
        <v>46580400</v>
      </c>
      <c r="Z46" s="431">
        <v>938244</v>
      </c>
      <c r="AA46" s="392">
        <v>15612317500</v>
      </c>
      <c r="AB46" s="429">
        <v>306</v>
      </c>
      <c r="AC46" s="459" t="s">
        <v>322</v>
      </c>
      <c r="AD46" s="389">
        <v>103</v>
      </c>
      <c r="AE46" s="390">
        <v>441</v>
      </c>
      <c r="AF46" s="390">
        <v>4703219</v>
      </c>
      <c r="AG46" s="390">
        <v>471</v>
      </c>
      <c r="AH46" s="390">
        <v>18590050</v>
      </c>
      <c r="AI46" s="390">
        <v>27570</v>
      </c>
      <c r="AJ46" s="390">
        <v>178165801</v>
      </c>
      <c r="AK46" s="390">
        <v>564</v>
      </c>
      <c r="AL46" s="390">
        <v>16482610</v>
      </c>
      <c r="AM46" s="390">
        <v>800</v>
      </c>
      <c r="AN46" s="390">
        <v>11267060</v>
      </c>
      <c r="AO46" s="390">
        <v>0</v>
      </c>
      <c r="AP46" s="390">
        <v>0</v>
      </c>
      <c r="AQ46" s="391">
        <v>29846</v>
      </c>
      <c r="AR46" s="391">
        <v>229208740</v>
      </c>
      <c r="AS46" s="396">
        <v>2</v>
      </c>
      <c r="AT46" s="433">
        <v>162083</v>
      </c>
      <c r="AU46" s="421">
        <v>306</v>
      </c>
      <c r="AV46" s="458" t="s">
        <v>322</v>
      </c>
      <c r="AW46" s="389">
        <v>3</v>
      </c>
      <c r="AX46" s="390">
        <v>132200</v>
      </c>
      <c r="AY46" s="396">
        <v>968196</v>
      </c>
      <c r="AZ46" s="434">
        <v>15841658440</v>
      </c>
      <c r="BA46" s="398">
        <v>11383639308</v>
      </c>
      <c r="BB46" s="389">
        <v>3799508892</v>
      </c>
      <c r="BC46" s="390">
        <v>658510240</v>
      </c>
      <c r="BD46" s="389">
        <v>14269</v>
      </c>
      <c r="BE46" s="390">
        <v>1246397616</v>
      </c>
      <c r="BF46" s="390">
        <v>2</v>
      </c>
      <c r="BG46" s="399">
        <v>6359</v>
      </c>
      <c r="BH46" s="429">
        <v>306</v>
      </c>
      <c r="BI46" s="459" t="s">
        <v>322</v>
      </c>
      <c r="BJ46" s="460">
        <v>735</v>
      </c>
      <c r="BK46" s="460">
        <v>308343390</v>
      </c>
      <c r="BL46" s="460">
        <v>146</v>
      </c>
      <c r="BM46" s="460">
        <v>9800000</v>
      </c>
      <c r="BN46" s="460">
        <v>2789</v>
      </c>
      <c r="BO46" s="460">
        <v>238881000</v>
      </c>
      <c r="BP46" s="460">
        <v>27</v>
      </c>
      <c r="BQ46" s="461">
        <v>10848600</v>
      </c>
      <c r="BR46" s="460">
        <v>9765</v>
      </c>
      <c r="BS46" s="460">
        <v>301283660</v>
      </c>
      <c r="BT46" s="460">
        <v>13462</v>
      </c>
      <c r="BU46" s="462">
        <v>869156650</v>
      </c>
      <c r="BV46" s="372">
        <v>981658</v>
      </c>
      <c r="BW46" s="373">
        <v>16710815090</v>
      </c>
      <c r="CA46" s="374" t="e">
        <v>#REF!</v>
      </c>
    </row>
    <row r="47" spans="1:79" s="326" customFormat="1" ht="12.9" customHeight="1" thickTop="1" thickBot="1" x14ac:dyDescent="0.2">
      <c r="A47" s="878" t="s">
        <v>323</v>
      </c>
      <c r="B47" s="879"/>
      <c r="C47" s="442">
        <v>14041</v>
      </c>
      <c r="D47" s="442">
        <v>135334</v>
      </c>
      <c r="E47" s="442">
        <v>8048577632</v>
      </c>
      <c r="F47" s="442">
        <v>825370</v>
      </c>
      <c r="G47" s="442">
        <v>1164751</v>
      </c>
      <c r="H47" s="442">
        <v>10056662485</v>
      </c>
      <c r="I47" s="442">
        <v>210075</v>
      </c>
      <c r="J47" s="442">
        <v>359866</v>
      </c>
      <c r="K47" s="442">
        <v>2669605462</v>
      </c>
      <c r="L47" s="442">
        <v>1049486</v>
      </c>
      <c r="M47" s="442">
        <v>1659951</v>
      </c>
      <c r="N47" s="443">
        <v>20774845579</v>
      </c>
      <c r="O47" s="880" t="s">
        <v>323</v>
      </c>
      <c r="P47" s="881"/>
      <c r="Q47" s="444">
        <v>580627</v>
      </c>
      <c r="R47" s="444">
        <v>684743</v>
      </c>
      <c r="S47" s="444">
        <v>5954872270</v>
      </c>
      <c r="T47" s="444">
        <v>12861</v>
      </c>
      <c r="U47" s="444">
        <v>307324</v>
      </c>
      <c r="V47" s="444">
        <v>206265018</v>
      </c>
      <c r="W47" s="444">
        <v>1270</v>
      </c>
      <c r="X47" s="444">
        <v>7644</v>
      </c>
      <c r="Y47" s="444">
        <v>88726190</v>
      </c>
      <c r="Z47" s="444">
        <v>1631383</v>
      </c>
      <c r="AA47" s="445">
        <v>27024709057</v>
      </c>
      <c r="AB47" s="880" t="s">
        <v>323</v>
      </c>
      <c r="AC47" s="881"/>
      <c r="AD47" s="444">
        <v>104</v>
      </c>
      <c r="AE47" s="444">
        <v>837</v>
      </c>
      <c r="AF47" s="444">
        <v>9307792</v>
      </c>
      <c r="AG47" s="444">
        <v>794</v>
      </c>
      <c r="AH47" s="444">
        <v>30352326</v>
      </c>
      <c r="AI47" s="444">
        <v>49179</v>
      </c>
      <c r="AJ47" s="444">
        <v>314722715</v>
      </c>
      <c r="AK47" s="444">
        <v>812</v>
      </c>
      <c r="AL47" s="444">
        <v>23565620</v>
      </c>
      <c r="AM47" s="444">
        <v>1006</v>
      </c>
      <c r="AN47" s="444">
        <v>13459540</v>
      </c>
      <c r="AO47" s="444">
        <v>1</v>
      </c>
      <c r="AP47" s="444">
        <v>61097</v>
      </c>
      <c r="AQ47" s="444">
        <v>52629</v>
      </c>
      <c r="AR47" s="444">
        <v>391469090</v>
      </c>
      <c r="AS47" s="444">
        <v>2</v>
      </c>
      <c r="AT47" s="445">
        <v>162083</v>
      </c>
      <c r="AU47" s="878" t="s">
        <v>323</v>
      </c>
      <c r="AV47" s="879"/>
      <c r="AW47" s="444">
        <v>4</v>
      </c>
      <c r="AX47" s="444">
        <v>175021</v>
      </c>
      <c r="AY47" s="444">
        <v>1684120</v>
      </c>
      <c r="AZ47" s="444">
        <v>27416353168</v>
      </c>
      <c r="BA47" s="444">
        <v>19593303054</v>
      </c>
      <c r="BB47" s="444">
        <v>6883606791</v>
      </c>
      <c r="BC47" s="444">
        <v>939443323</v>
      </c>
      <c r="BD47" s="444">
        <v>21252</v>
      </c>
      <c r="BE47" s="444">
        <v>2072888332</v>
      </c>
      <c r="BF47" s="444">
        <v>5</v>
      </c>
      <c r="BG47" s="445">
        <v>60234</v>
      </c>
      <c r="BH47" s="880" t="s">
        <v>323</v>
      </c>
      <c r="BI47" s="882"/>
      <c r="BJ47" s="446">
        <v>1156</v>
      </c>
      <c r="BK47" s="446">
        <v>481223505</v>
      </c>
      <c r="BL47" s="446">
        <v>234</v>
      </c>
      <c r="BM47" s="446">
        <v>22530000</v>
      </c>
      <c r="BN47" s="446">
        <v>3881</v>
      </c>
      <c r="BO47" s="446">
        <v>272991000</v>
      </c>
      <c r="BP47" s="446">
        <v>32</v>
      </c>
      <c r="BQ47" s="446">
        <v>12098600</v>
      </c>
      <c r="BR47" s="446">
        <v>10686</v>
      </c>
      <c r="BS47" s="446">
        <v>331765246</v>
      </c>
      <c r="BT47" s="446">
        <v>15989</v>
      </c>
      <c r="BU47" s="447">
        <v>1120608351</v>
      </c>
      <c r="BV47" s="448">
        <v>1700109</v>
      </c>
      <c r="BW47" s="447">
        <v>28536961519</v>
      </c>
      <c r="CA47" s="374" t="e">
        <v>#REF!</v>
      </c>
    </row>
    <row r="48" spans="1:79" s="326" customFormat="1" ht="12.9" customHeight="1" thickTop="1" thickBot="1" x14ac:dyDescent="0.2">
      <c r="A48" s="873" t="s">
        <v>324</v>
      </c>
      <c r="B48" s="874"/>
      <c r="C48" s="463">
        <v>392265</v>
      </c>
      <c r="D48" s="463">
        <v>5688928</v>
      </c>
      <c r="E48" s="463">
        <v>233219669283</v>
      </c>
      <c r="F48" s="463">
        <v>16554437</v>
      </c>
      <c r="G48" s="463">
        <v>25313767</v>
      </c>
      <c r="H48" s="463">
        <v>244545602535</v>
      </c>
      <c r="I48" s="463">
        <v>4012892</v>
      </c>
      <c r="J48" s="463">
        <v>7080013</v>
      </c>
      <c r="K48" s="463">
        <v>51635763263</v>
      </c>
      <c r="L48" s="463">
        <v>20959594</v>
      </c>
      <c r="M48" s="463">
        <v>38082708</v>
      </c>
      <c r="N48" s="464">
        <v>529401035081</v>
      </c>
      <c r="O48" s="875" t="s">
        <v>324</v>
      </c>
      <c r="P48" s="876"/>
      <c r="Q48" s="465">
        <v>12075291</v>
      </c>
      <c r="R48" s="465">
        <v>14346212</v>
      </c>
      <c r="S48" s="465">
        <v>138442297258</v>
      </c>
      <c r="T48" s="465">
        <v>371428</v>
      </c>
      <c r="U48" s="465">
        <v>14695903</v>
      </c>
      <c r="V48" s="465">
        <v>9655895735</v>
      </c>
      <c r="W48" s="465">
        <v>71944</v>
      </c>
      <c r="X48" s="465">
        <v>462125</v>
      </c>
      <c r="Y48" s="465">
        <v>5232201555</v>
      </c>
      <c r="Z48" s="465">
        <v>33106829</v>
      </c>
      <c r="AA48" s="466">
        <v>682731429629</v>
      </c>
      <c r="AB48" s="875" t="s">
        <v>324</v>
      </c>
      <c r="AC48" s="876"/>
      <c r="AD48" s="465">
        <v>4600</v>
      </c>
      <c r="AE48" s="465">
        <v>33855</v>
      </c>
      <c r="AF48" s="465">
        <v>629382758</v>
      </c>
      <c r="AG48" s="465">
        <v>15377</v>
      </c>
      <c r="AH48" s="465">
        <v>575011476</v>
      </c>
      <c r="AI48" s="465">
        <v>673897</v>
      </c>
      <c r="AJ48" s="465">
        <v>4848797352</v>
      </c>
      <c r="AK48" s="465">
        <v>57537</v>
      </c>
      <c r="AL48" s="465">
        <v>1788476043</v>
      </c>
      <c r="AM48" s="465">
        <v>35819</v>
      </c>
      <c r="AN48" s="465">
        <v>482167371</v>
      </c>
      <c r="AO48" s="465">
        <v>153</v>
      </c>
      <c r="AP48" s="465">
        <v>2481717</v>
      </c>
      <c r="AQ48" s="465">
        <v>816638</v>
      </c>
      <c r="AR48" s="465">
        <v>8326316717</v>
      </c>
      <c r="AS48" s="465">
        <v>1196</v>
      </c>
      <c r="AT48" s="466">
        <v>69262592</v>
      </c>
      <c r="AU48" s="873" t="s">
        <v>324</v>
      </c>
      <c r="AV48" s="874"/>
      <c r="AW48" s="465">
        <v>33</v>
      </c>
      <c r="AX48" s="465">
        <v>5656781</v>
      </c>
      <c r="AY48" s="465">
        <v>33928100</v>
      </c>
      <c r="AZ48" s="465">
        <v>691063403127</v>
      </c>
      <c r="BA48" s="465">
        <v>505337586015</v>
      </c>
      <c r="BB48" s="465">
        <v>164683930795</v>
      </c>
      <c r="BC48" s="465">
        <v>21041886317</v>
      </c>
      <c r="BD48" s="465">
        <v>1354619</v>
      </c>
      <c r="BE48" s="465">
        <v>69652956229</v>
      </c>
      <c r="BF48" s="465">
        <v>2407</v>
      </c>
      <c r="BG48" s="466">
        <v>60323781</v>
      </c>
      <c r="BH48" s="875" t="s">
        <v>324</v>
      </c>
      <c r="BI48" s="877"/>
      <c r="BJ48" s="467">
        <v>7607</v>
      </c>
      <c r="BK48" s="467">
        <v>3090118708</v>
      </c>
      <c r="BL48" s="467">
        <v>10802</v>
      </c>
      <c r="BM48" s="467">
        <v>551180000</v>
      </c>
      <c r="BN48" s="467">
        <v>3881</v>
      </c>
      <c r="BO48" s="467">
        <v>272991000</v>
      </c>
      <c r="BP48" s="467">
        <v>32</v>
      </c>
      <c r="BQ48" s="467">
        <v>12098600</v>
      </c>
      <c r="BR48" s="467">
        <v>10692</v>
      </c>
      <c r="BS48" s="467">
        <v>335565246</v>
      </c>
      <c r="BT48" s="467">
        <v>33014</v>
      </c>
      <c r="BU48" s="468">
        <v>4261953554</v>
      </c>
      <c r="BV48" s="469">
        <v>33961114</v>
      </c>
      <c r="BW48" s="468">
        <v>695325356681</v>
      </c>
      <c r="CA48" s="374" t="e">
        <v>#REF!</v>
      </c>
    </row>
    <row r="49" spans="1:59" s="326" customFormat="1" ht="10.5" customHeight="1" x14ac:dyDescent="0.15">
      <c r="A49" s="470"/>
      <c r="B49" s="470"/>
      <c r="C49" s="470"/>
      <c r="D49" s="470"/>
      <c r="E49" s="470"/>
      <c r="F49" s="471"/>
      <c r="G49" s="471"/>
      <c r="H49" s="471"/>
      <c r="I49" s="471"/>
      <c r="J49" s="471"/>
      <c r="K49" s="471"/>
      <c r="L49" s="471"/>
      <c r="M49" s="471"/>
      <c r="N49" s="471"/>
      <c r="O49" s="326" t="s">
        <v>325</v>
      </c>
      <c r="Q49" s="471"/>
      <c r="R49" s="471"/>
      <c r="S49" s="471"/>
      <c r="T49" s="471"/>
      <c r="U49" s="471"/>
      <c r="V49" s="471"/>
      <c r="W49" s="471"/>
      <c r="X49" s="471"/>
      <c r="Y49" s="471"/>
      <c r="Z49" s="471"/>
      <c r="AA49" s="471"/>
      <c r="AD49" s="470"/>
      <c r="AE49" s="470"/>
      <c r="AF49" s="470"/>
      <c r="AG49" s="470"/>
      <c r="AH49" s="470"/>
      <c r="AI49" s="470"/>
      <c r="AJ49" s="470"/>
      <c r="AK49" s="470"/>
      <c r="AL49" s="470"/>
      <c r="AM49" s="470"/>
      <c r="AN49" s="470"/>
      <c r="AO49" s="470"/>
      <c r="AP49" s="470"/>
      <c r="AQ49" s="470"/>
      <c r="AR49" s="470"/>
      <c r="AS49" s="470"/>
      <c r="AT49" s="470"/>
      <c r="AU49" s="470"/>
      <c r="AV49" s="470"/>
      <c r="AW49" s="470"/>
      <c r="AX49" s="470"/>
      <c r="AY49" s="470"/>
      <c r="AZ49" s="470"/>
      <c r="BA49" s="470"/>
      <c r="BB49" s="470"/>
      <c r="BC49" s="470"/>
      <c r="BD49" s="470"/>
      <c r="BE49" s="470"/>
      <c r="BF49" s="470"/>
      <c r="BG49" s="470"/>
    </row>
    <row r="50" spans="1:59" s="474" customFormat="1" ht="10.8" x14ac:dyDescent="0.15">
      <c r="A50" s="472"/>
      <c r="B50" s="473"/>
      <c r="C50" s="473"/>
      <c r="D50" s="473"/>
      <c r="E50" s="473"/>
      <c r="F50" s="473"/>
      <c r="G50" s="473"/>
      <c r="H50" s="473"/>
      <c r="I50" s="473"/>
      <c r="J50" s="473"/>
      <c r="K50" s="473"/>
      <c r="L50" s="473"/>
      <c r="M50" s="473"/>
      <c r="N50" s="473"/>
      <c r="Q50" s="473"/>
      <c r="R50" s="473"/>
      <c r="S50" s="473"/>
      <c r="T50" s="473"/>
      <c r="U50" s="473"/>
      <c r="V50" s="473"/>
      <c r="W50" s="473"/>
      <c r="X50" s="473"/>
      <c r="Y50" s="473"/>
      <c r="Z50" s="473"/>
      <c r="AA50" s="473"/>
      <c r="AD50" s="473"/>
      <c r="AE50" s="473"/>
      <c r="AF50" s="473"/>
      <c r="AG50" s="473"/>
      <c r="AH50" s="473"/>
      <c r="AI50" s="473"/>
      <c r="AJ50" s="473"/>
      <c r="AK50" s="473"/>
      <c r="AL50" s="473"/>
      <c r="AM50" s="473"/>
      <c r="AN50" s="473"/>
      <c r="AO50" s="473"/>
      <c r="AP50" s="473"/>
      <c r="AQ50" s="473"/>
      <c r="AR50" s="473"/>
      <c r="AS50" s="473"/>
      <c r="AT50" s="473"/>
      <c r="AU50" s="473"/>
      <c r="AV50" s="473"/>
      <c r="AW50" s="473"/>
      <c r="AX50" s="473"/>
      <c r="AY50" s="473"/>
      <c r="AZ50" s="473"/>
      <c r="BA50" s="473"/>
      <c r="BB50" s="473"/>
      <c r="BC50" s="473"/>
      <c r="BD50" s="473"/>
      <c r="BE50" s="473"/>
      <c r="BF50" s="473"/>
      <c r="BG50" s="473"/>
    </row>
    <row r="51" spans="1:59" s="474" customFormat="1" ht="10.8" x14ac:dyDescent="0.15">
      <c r="A51" s="473"/>
      <c r="B51" s="473"/>
      <c r="C51" s="473"/>
      <c r="D51" s="473"/>
      <c r="E51" s="473"/>
      <c r="F51" s="473"/>
      <c r="G51" s="473"/>
      <c r="H51" s="473"/>
      <c r="I51" s="473"/>
      <c r="J51" s="473"/>
      <c r="K51" s="473"/>
      <c r="L51" s="473"/>
      <c r="M51" s="473"/>
      <c r="N51" s="473"/>
      <c r="Q51" s="473"/>
      <c r="R51" s="473"/>
      <c r="S51" s="473"/>
      <c r="T51" s="473"/>
      <c r="U51" s="473"/>
      <c r="V51" s="473"/>
      <c r="W51" s="473"/>
      <c r="X51" s="473"/>
      <c r="Y51" s="473"/>
      <c r="Z51" s="473"/>
      <c r="AA51" s="473"/>
      <c r="AD51" s="473"/>
      <c r="AE51" s="473"/>
      <c r="AF51" s="473"/>
      <c r="AG51" s="473"/>
      <c r="AH51" s="473"/>
      <c r="AI51" s="473"/>
      <c r="AJ51" s="473"/>
      <c r="AK51" s="473"/>
      <c r="AL51" s="473"/>
      <c r="AM51" s="473"/>
      <c r="AN51" s="473"/>
      <c r="AO51" s="473"/>
      <c r="AP51" s="473"/>
      <c r="AQ51" s="473"/>
      <c r="AR51" s="473"/>
      <c r="AS51" s="473"/>
      <c r="AT51" s="473"/>
      <c r="AU51" s="473"/>
      <c r="AV51" s="473"/>
      <c r="AW51" s="473"/>
      <c r="AX51" s="473"/>
      <c r="AY51" s="473"/>
      <c r="AZ51" s="473"/>
      <c r="BA51" s="473"/>
      <c r="BB51" s="473"/>
      <c r="BC51" s="473"/>
      <c r="BD51" s="473"/>
      <c r="BE51" s="473"/>
      <c r="BF51" s="473"/>
      <c r="BG51" s="473"/>
    </row>
    <row r="52" spans="1:59" s="474" customFormat="1" ht="10.8" x14ac:dyDescent="0.15">
      <c r="A52" s="473"/>
      <c r="B52" s="473"/>
      <c r="C52" s="473"/>
      <c r="D52" s="473"/>
      <c r="E52" s="473"/>
      <c r="F52" s="473"/>
      <c r="G52" s="473"/>
      <c r="H52" s="473"/>
      <c r="I52" s="473"/>
      <c r="J52" s="473"/>
      <c r="K52" s="473"/>
      <c r="L52" s="473"/>
      <c r="M52" s="473"/>
      <c r="N52" s="473"/>
      <c r="Q52" s="473"/>
      <c r="R52" s="473"/>
      <c r="S52" s="473"/>
      <c r="T52" s="473"/>
      <c r="U52" s="473"/>
      <c r="V52" s="473"/>
      <c r="W52" s="473"/>
      <c r="X52" s="473"/>
      <c r="Y52" s="473"/>
      <c r="Z52" s="473"/>
      <c r="AA52" s="473"/>
      <c r="AD52" s="473"/>
      <c r="AE52" s="473"/>
      <c r="AF52" s="473"/>
      <c r="AG52" s="473"/>
      <c r="AH52" s="473"/>
      <c r="AI52" s="473"/>
      <c r="AJ52" s="473"/>
      <c r="AK52" s="473"/>
      <c r="AL52" s="473"/>
      <c r="AM52" s="473"/>
      <c r="AN52" s="473"/>
      <c r="AO52" s="473"/>
      <c r="AP52" s="473"/>
      <c r="AQ52" s="473"/>
      <c r="AR52" s="473"/>
      <c r="AS52" s="473"/>
      <c r="AT52" s="473"/>
      <c r="AU52" s="473"/>
      <c r="AV52" s="473"/>
      <c r="AW52" s="473"/>
      <c r="AX52" s="473"/>
      <c r="AY52" s="473"/>
      <c r="AZ52" s="473"/>
      <c r="BA52" s="473"/>
      <c r="BB52" s="473"/>
      <c r="BC52" s="473"/>
      <c r="BD52" s="473"/>
      <c r="BE52" s="473"/>
      <c r="BF52" s="473"/>
      <c r="BG52" s="473"/>
    </row>
  </sheetData>
  <mergeCells count="62">
    <mergeCell ref="A3:B6"/>
    <mergeCell ref="O3:P6"/>
    <mergeCell ref="Q3:AA3"/>
    <mergeCell ref="AB3:AC6"/>
    <mergeCell ref="AD3:AT3"/>
    <mergeCell ref="AG5:AH5"/>
    <mergeCell ref="C5:E5"/>
    <mergeCell ref="F5:H5"/>
    <mergeCell ref="I5:K5"/>
    <mergeCell ref="L5:N5"/>
    <mergeCell ref="N1:N2"/>
    <mergeCell ref="AA1:AA2"/>
    <mergeCell ref="AR1:AR2"/>
    <mergeCell ref="BG1:BG2"/>
    <mergeCell ref="BW1:BW2"/>
    <mergeCell ref="BH3:BI6"/>
    <mergeCell ref="BJ3:BU4"/>
    <mergeCell ref="BV3:BW5"/>
    <mergeCell ref="Q4:S5"/>
    <mergeCell ref="T4:V5"/>
    <mergeCell ref="W4:Y5"/>
    <mergeCell ref="Z4:AA5"/>
    <mergeCell ref="AD4:AD5"/>
    <mergeCell ref="AE4:AT4"/>
    <mergeCell ref="AW4:AX5"/>
    <mergeCell ref="AU3:AV6"/>
    <mergeCell ref="AW3:AX3"/>
    <mergeCell ref="AY3:AZ5"/>
    <mergeCell ref="BA3:BC4"/>
    <mergeCell ref="BD3:BE5"/>
    <mergeCell ref="AE5:AF5"/>
    <mergeCell ref="BT5:BU5"/>
    <mergeCell ref="AI5:AJ5"/>
    <mergeCell ref="AK5:AL5"/>
    <mergeCell ref="AM5:AN5"/>
    <mergeCell ref="AO5:AP5"/>
    <mergeCell ref="AQ5:AR5"/>
    <mergeCell ref="AS5:AT5"/>
    <mergeCell ref="BF3:BG5"/>
    <mergeCell ref="BA5:BA6"/>
    <mergeCell ref="BB5:BB6"/>
    <mergeCell ref="BC5:BC6"/>
    <mergeCell ref="BJ5:BK5"/>
    <mergeCell ref="BL5:BM5"/>
    <mergeCell ref="BN5:BO5"/>
    <mergeCell ref="BP5:BQ5"/>
    <mergeCell ref="BR5:BS5"/>
    <mergeCell ref="A47:B47"/>
    <mergeCell ref="O47:P47"/>
    <mergeCell ref="AB47:AC47"/>
    <mergeCell ref="AU47:AV47"/>
    <mergeCell ref="BH47:BI47"/>
    <mergeCell ref="A40:B40"/>
    <mergeCell ref="O40:P40"/>
    <mergeCell ref="AB40:AC40"/>
    <mergeCell ref="AU40:AV40"/>
    <mergeCell ref="BH40:BI40"/>
    <mergeCell ref="A48:B48"/>
    <mergeCell ref="O48:P48"/>
    <mergeCell ref="AB48:AC48"/>
    <mergeCell ref="AU48:AV48"/>
    <mergeCell ref="BH48:BI48"/>
  </mergeCells>
  <phoneticPr fontId="12"/>
  <printOptions verticalCentered="1"/>
  <pageMargins left="0.6692913385826772" right="0" top="0.59055118110236227" bottom="0.59055118110236227" header="0.39370078740157483" footer="0.51181102362204722"/>
  <pageSetup paperSize="9" scale="85" orientation="landscape" blackAndWhite="1" r:id="rId1"/>
  <headerFooter alignWithMargins="0"/>
  <colBreaks count="4" manualBreakCount="4">
    <brk id="14" max="48" man="1"/>
    <brk id="27" max="48" man="1"/>
    <brk id="46" max="1048575" man="1"/>
    <brk id="59" max="48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valuation="1"/>
  <dimension ref="A1:BP81"/>
  <sheetViews>
    <sheetView zoomScaleNormal="100" zoomScaleSheetLayoutView="100" workbookViewId="0"/>
  </sheetViews>
  <sheetFormatPr defaultColWidth="9" defaultRowHeight="10.5" customHeight="1" x14ac:dyDescent="0.15"/>
  <cols>
    <col min="1" max="1" width="3.6640625" style="644" customWidth="1"/>
    <col min="2" max="2" width="10" style="644" customWidth="1"/>
    <col min="3" max="4" width="9.33203125" style="644" customWidth="1"/>
    <col min="5" max="5" width="13.77734375" style="644" customWidth="1"/>
    <col min="6" max="7" width="9.33203125" style="644" customWidth="1"/>
    <col min="8" max="8" width="13.77734375" style="644" customWidth="1"/>
    <col min="9" max="9" width="9.44140625" style="644" customWidth="1"/>
    <col min="10" max="10" width="9.33203125" style="644" customWidth="1"/>
    <col min="11" max="11" width="13.77734375" style="644" customWidth="1"/>
    <col min="12" max="13" width="10" style="644" customWidth="1"/>
    <col min="14" max="14" width="15" style="644" customWidth="1"/>
    <col min="15" max="15" width="3.6640625" style="644" customWidth="1"/>
    <col min="16" max="16" width="10" style="644" customWidth="1"/>
    <col min="17" max="17" width="10.77734375" style="644" customWidth="1"/>
    <col min="18" max="18" width="11.33203125" style="644" customWidth="1"/>
    <col min="19" max="19" width="13.77734375" style="644" customWidth="1"/>
    <col min="20" max="20" width="10.77734375" style="644" customWidth="1"/>
    <col min="21" max="21" width="11.21875" style="644" customWidth="1"/>
    <col min="22" max="22" width="13.77734375" style="644" customWidth="1"/>
    <col min="23" max="23" width="10" style="644" customWidth="1"/>
    <col min="24" max="24" width="10.6640625" style="644" customWidth="1"/>
    <col min="25" max="25" width="13.77734375" style="644" customWidth="1"/>
    <col min="26" max="26" width="11.21875" style="644" customWidth="1"/>
    <col min="27" max="27" width="15.6640625" style="644" customWidth="1"/>
    <col min="28" max="28" width="3.6640625" style="644" customWidth="1"/>
    <col min="29" max="29" width="10" style="644" customWidth="1"/>
    <col min="30" max="30" width="6.6640625" style="644" customWidth="1"/>
    <col min="31" max="31" width="7.44140625" style="644" customWidth="1"/>
    <col min="32" max="32" width="11.21875" style="644" customWidth="1"/>
    <col min="33" max="33" width="6" style="644" customWidth="1"/>
    <col min="34" max="34" width="8.33203125" style="644" customWidth="1"/>
    <col min="35" max="35" width="4.77734375" style="644" customWidth="1"/>
    <col min="36" max="36" width="9.77734375" style="644" customWidth="1"/>
    <col min="37" max="37" width="8.6640625" style="644" customWidth="1"/>
    <col min="38" max="38" width="15.6640625" style="644" customWidth="1"/>
    <col min="39" max="40" width="16.109375" style="644" customWidth="1"/>
    <col min="41" max="41" width="13.21875" style="644" customWidth="1"/>
    <col min="42" max="42" width="9.6640625" style="644" customWidth="1"/>
    <col min="43" max="43" width="13.6640625" style="644" customWidth="1"/>
    <col min="44" max="44" width="3.6640625" style="644" hidden="1" customWidth="1"/>
    <col min="45" max="46" width="7.6640625" style="644" hidden="1" customWidth="1"/>
    <col min="47" max="47" width="15.6640625" style="644" hidden="1" customWidth="1"/>
    <col min="48" max="48" width="7.6640625" style="644" hidden="1" customWidth="1"/>
    <col min="49" max="49" width="15.44140625" style="644" hidden="1" customWidth="1"/>
    <col min="50" max="50" width="7.6640625" style="644" hidden="1" customWidth="1"/>
    <col min="51" max="51" width="15" style="644" hidden="1" customWidth="1"/>
    <col min="52" max="52" width="7.6640625" style="644" hidden="1" customWidth="1"/>
    <col min="53" max="53" width="16.21875" style="644" hidden="1" customWidth="1"/>
    <col min="54" max="54" width="13.6640625" style="644" hidden="1" customWidth="1"/>
    <col min="55" max="55" width="18.77734375" style="644" hidden="1" customWidth="1"/>
    <col min="56" max="58" width="9" style="644"/>
    <col min="59" max="59" width="0" style="644" hidden="1" customWidth="1"/>
    <col min="60" max="16384" width="9" style="644"/>
  </cols>
  <sheetData>
    <row r="1" spans="1:55" ht="15.75" customHeight="1" x14ac:dyDescent="0.2">
      <c r="A1" s="1272" t="s">
        <v>508</v>
      </c>
      <c r="B1" s="1269"/>
      <c r="D1" s="1269"/>
      <c r="E1" s="1269"/>
      <c r="F1" s="1269"/>
      <c r="G1" s="1269"/>
      <c r="H1" s="1269"/>
      <c r="I1" s="1269"/>
      <c r="J1" s="1269"/>
      <c r="K1" s="1269"/>
      <c r="L1" s="1269"/>
      <c r="M1" s="1269"/>
      <c r="N1" s="1269"/>
      <c r="O1" s="1272" t="s">
        <v>507</v>
      </c>
      <c r="P1" s="1269"/>
      <c r="R1" s="1269"/>
      <c r="S1" s="1269"/>
      <c r="T1" s="1269"/>
      <c r="U1" s="1269"/>
      <c r="V1" s="1269"/>
      <c r="W1" s="1269"/>
      <c r="X1" s="1269"/>
      <c r="Y1" s="1269"/>
      <c r="Z1" s="1269"/>
      <c r="AA1" s="1269"/>
      <c r="AB1" s="1272" t="s">
        <v>506</v>
      </c>
      <c r="AC1" s="1269"/>
      <c r="AE1" s="1269"/>
      <c r="AF1" s="1269"/>
      <c r="AG1" s="1269"/>
      <c r="AH1" s="1269"/>
      <c r="AI1" s="1269"/>
      <c r="AJ1" s="1269"/>
      <c r="AK1" s="1271"/>
      <c r="AL1" s="1269"/>
      <c r="AN1" s="1269"/>
      <c r="AO1" s="1269"/>
      <c r="AP1" s="1269"/>
      <c r="AQ1" s="1270"/>
      <c r="AR1" s="1269" t="s">
        <v>505</v>
      </c>
      <c r="AS1" s="1269"/>
      <c r="AU1" s="1269"/>
      <c r="AV1" s="1269"/>
      <c r="AW1" s="1269"/>
      <c r="AX1" s="1269"/>
      <c r="AY1" s="1269"/>
      <c r="AZ1" s="1269"/>
      <c r="BA1" s="1269"/>
      <c r="BB1" s="1269"/>
      <c r="BC1" s="1269"/>
    </row>
    <row r="2" spans="1:55" ht="15" customHeight="1" thickBot="1" x14ac:dyDescent="0.2">
      <c r="A2" s="1269"/>
      <c r="B2" s="1269"/>
      <c r="D2" s="1269"/>
      <c r="E2" s="1269"/>
      <c r="F2" s="1269"/>
      <c r="G2" s="1269"/>
      <c r="H2" s="1269"/>
      <c r="I2" s="1269"/>
      <c r="J2" s="1269"/>
      <c r="K2" s="1269"/>
      <c r="L2" s="1269"/>
      <c r="M2" s="1269"/>
      <c r="N2" s="1270" t="s">
        <v>258</v>
      </c>
      <c r="O2" s="1269"/>
      <c r="P2" s="1269"/>
      <c r="R2" s="1269"/>
      <c r="S2" s="1270"/>
      <c r="T2" s="1269"/>
      <c r="U2" s="1269"/>
      <c r="V2" s="1269"/>
      <c r="W2" s="1269"/>
      <c r="X2" s="1269"/>
      <c r="Y2" s="1269"/>
      <c r="Z2" s="1269"/>
      <c r="AA2" s="1270" t="s">
        <v>258</v>
      </c>
      <c r="AB2" s="1269"/>
      <c r="AC2" s="1269"/>
      <c r="AE2" s="1269"/>
      <c r="AF2" s="1269"/>
      <c r="AG2" s="1269"/>
      <c r="AH2" s="1269"/>
      <c r="AI2" s="1269"/>
      <c r="AJ2" s="1270"/>
      <c r="AK2" s="1271"/>
      <c r="AL2" s="1270"/>
      <c r="AN2" s="1269"/>
      <c r="AO2" s="1270"/>
      <c r="AP2" s="1269"/>
      <c r="AQ2" s="1270" t="s">
        <v>258</v>
      </c>
      <c r="AR2" s="1269"/>
      <c r="AS2" s="1269"/>
      <c r="AU2" s="1269"/>
      <c r="AV2" s="1269"/>
      <c r="AW2" s="1269"/>
      <c r="AX2" s="1269"/>
      <c r="AY2" s="1269"/>
      <c r="AZ2" s="1269"/>
      <c r="BA2" s="1269"/>
      <c r="BB2" s="1269"/>
      <c r="BC2" s="1269"/>
    </row>
    <row r="3" spans="1:55" s="613" customFormat="1" ht="11.25" customHeight="1" x14ac:dyDescent="0.15">
      <c r="A3" s="1043" t="s">
        <v>236</v>
      </c>
      <c r="B3" s="1044"/>
      <c r="C3" s="1267" t="s">
        <v>504</v>
      </c>
      <c r="D3" s="1266"/>
      <c r="E3" s="1266"/>
      <c r="F3" s="1266"/>
      <c r="G3" s="1266"/>
      <c r="H3" s="1266"/>
      <c r="I3" s="1266"/>
      <c r="J3" s="1266"/>
      <c r="K3" s="1266"/>
      <c r="L3" s="1266"/>
      <c r="M3" s="1266"/>
      <c r="N3" s="1265"/>
      <c r="O3" s="1043" t="s">
        <v>236</v>
      </c>
      <c r="P3" s="1268"/>
      <c r="Q3" s="1267" t="s">
        <v>503</v>
      </c>
      <c r="R3" s="1266"/>
      <c r="S3" s="1266"/>
      <c r="T3" s="1266"/>
      <c r="U3" s="1266"/>
      <c r="V3" s="1266"/>
      <c r="W3" s="1266"/>
      <c r="X3" s="1266"/>
      <c r="Y3" s="1266"/>
      <c r="Z3" s="1266"/>
      <c r="AA3" s="1265"/>
      <c r="AB3" s="1043" t="s">
        <v>236</v>
      </c>
      <c r="AC3" s="1264"/>
      <c r="AD3" s="1263" t="s">
        <v>502</v>
      </c>
      <c r="AE3" s="1262"/>
      <c r="AF3" s="1262"/>
      <c r="AG3" s="1262"/>
      <c r="AH3" s="1262"/>
      <c r="AI3" s="1262"/>
      <c r="AJ3" s="1262"/>
      <c r="AK3" s="1261" t="s">
        <v>501</v>
      </c>
      <c r="AL3" s="1260"/>
      <c r="AM3" s="1259" t="s">
        <v>268</v>
      </c>
      <c r="AN3" s="1259"/>
      <c r="AO3" s="1259"/>
      <c r="AP3" s="1258"/>
      <c r="AQ3" s="1257"/>
      <c r="AR3" s="1237" t="s">
        <v>236</v>
      </c>
      <c r="AS3" s="1237"/>
      <c r="AT3" s="1256" t="s">
        <v>271</v>
      </c>
      <c r="AU3" s="1255"/>
      <c r="AV3" s="1255"/>
      <c r="AW3" s="1255"/>
      <c r="AX3" s="1255"/>
      <c r="AY3" s="1255"/>
      <c r="AZ3" s="1255"/>
      <c r="BA3" s="1254"/>
      <c r="BB3" s="1253" t="s">
        <v>500</v>
      </c>
      <c r="BC3" s="1252"/>
    </row>
    <row r="4" spans="1:55" s="613" customFormat="1" ht="11.25" customHeight="1" x14ac:dyDescent="0.15">
      <c r="A4" s="1045"/>
      <c r="B4" s="1046"/>
      <c r="C4" s="1251" t="s">
        <v>273</v>
      </c>
      <c r="D4" s="1249"/>
      <c r="E4" s="1249"/>
      <c r="F4" s="1249"/>
      <c r="G4" s="1249"/>
      <c r="H4" s="1250"/>
      <c r="I4" s="1249"/>
      <c r="J4" s="1249"/>
      <c r="K4" s="1249"/>
      <c r="L4" s="1249"/>
      <c r="M4" s="1249"/>
      <c r="N4" s="1248"/>
      <c r="O4" s="1045"/>
      <c r="P4" s="1221"/>
      <c r="Q4" s="1247" t="s">
        <v>499</v>
      </c>
      <c r="R4" s="1245"/>
      <c r="S4" s="1246"/>
      <c r="T4" s="1245" t="s">
        <v>498</v>
      </c>
      <c r="U4" s="1245"/>
      <c r="V4" s="1204"/>
      <c r="W4" s="1244" t="s">
        <v>497</v>
      </c>
      <c r="X4" s="1245"/>
      <c r="Y4" s="1204"/>
      <c r="Z4" s="1244" t="s">
        <v>496</v>
      </c>
      <c r="AA4" s="1243"/>
      <c r="AB4" s="1045"/>
      <c r="AC4" s="1214"/>
      <c r="AD4" s="1242" t="s">
        <v>495</v>
      </c>
      <c r="AE4" s="1241" t="s">
        <v>494</v>
      </c>
      <c r="AF4" s="1240"/>
      <c r="AG4" s="1238" t="s">
        <v>493</v>
      </c>
      <c r="AH4" s="1239"/>
      <c r="AI4" s="1238" t="s">
        <v>492</v>
      </c>
      <c r="AJ4" s="1237"/>
      <c r="AK4" s="1236"/>
      <c r="AL4" s="1235"/>
      <c r="AM4" s="1207"/>
      <c r="AN4" s="1207"/>
      <c r="AO4" s="1207"/>
      <c r="AP4" s="1234" t="s">
        <v>491</v>
      </c>
      <c r="AQ4" s="1233"/>
      <c r="AR4" s="1199"/>
      <c r="AS4" s="1199"/>
      <c r="AT4" s="1232"/>
      <c r="AU4" s="1231"/>
      <c r="AV4" s="1231"/>
      <c r="AW4" s="1231"/>
      <c r="AX4" s="1231"/>
      <c r="AY4" s="1231"/>
      <c r="AZ4" s="1231"/>
      <c r="BA4" s="1230"/>
      <c r="BB4" s="1229"/>
      <c r="BC4" s="1228"/>
    </row>
    <row r="5" spans="1:55" s="602" customFormat="1" ht="11.25" customHeight="1" x14ac:dyDescent="0.2">
      <c r="A5" s="1045"/>
      <c r="B5" s="1046"/>
      <c r="C5" s="1224" t="s">
        <v>490</v>
      </c>
      <c r="D5" s="1223"/>
      <c r="E5" s="1225"/>
      <c r="F5" s="1224" t="s">
        <v>489</v>
      </c>
      <c r="G5" s="1223"/>
      <c r="H5" s="1227"/>
      <c r="I5" s="1226" t="s">
        <v>488</v>
      </c>
      <c r="J5" s="1223"/>
      <c r="K5" s="1225"/>
      <c r="L5" s="1224" t="s">
        <v>487</v>
      </c>
      <c r="M5" s="1223"/>
      <c r="N5" s="1222"/>
      <c r="O5" s="1045"/>
      <c r="P5" s="1221"/>
      <c r="Q5" s="1220"/>
      <c r="R5" s="1218"/>
      <c r="S5" s="1219"/>
      <c r="T5" s="1218"/>
      <c r="U5" s="1218"/>
      <c r="V5" s="1217"/>
      <c r="W5" s="1216"/>
      <c r="X5" s="1218"/>
      <c r="Y5" s="1217"/>
      <c r="Z5" s="1216"/>
      <c r="AA5" s="1215"/>
      <c r="AB5" s="1045"/>
      <c r="AC5" s="1214"/>
      <c r="AD5" s="1213"/>
      <c r="AE5" s="1212"/>
      <c r="AF5" s="1211"/>
      <c r="AG5" s="1210"/>
      <c r="AH5" s="1209"/>
      <c r="AI5" s="1208"/>
      <c r="AJ5" s="1207"/>
      <c r="AK5" s="1206"/>
      <c r="AL5" s="1205"/>
      <c r="AM5" s="1204" t="s">
        <v>293</v>
      </c>
      <c r="AN5" s="1203" t="s">
        <v>486</v>
      </c>
      <c r="AO5" s="1202" t="s">
        <v>485</v>
      </c>
      <c r="AP5" s="1201"/>
      <c r="AQ5" s="1200"/>
      <c r="AR5" s="1199"/>
      <c r="AS5" s="1199"/>
      <c r="AT5" s="1198" t="s">
        <v>484</v>
      </c>
      <c r="AU5" s="1193"/>
      <c r="AV5" s="1197" t="s">
        <v>483</v>
      </c>
      <c r="AW5" s="1196"/>
      <c r="AX5" s="1194" t="s">
        <v>37</v>
      </c>
      <c r="AY5" s="1195"/>
      <c r="AZ5" s="1194" t="s">
        <v>482</v>
      </c>
      <c r="BA5" s="1193"/>
      <c r="BB5" s="1192"/>
      <c r="BC5" s="1191"/>
    </row>
    <row r="6" spans="1:55" s="602" customFormat="1" ht="11.25" customHeight="1" thickBot="1" x14ac:dyDescent="0.25">
      <c r="A6" s="1047"/>
      <c r="B6" s="1048"/>
      <c r="C6" s="1177" t="s">
        <v>301</v>
      </c>
      <c r="D6" s="1186" t="s">
        <v>302</v>
      </c>
      <c r="E6" s="1178" t="s">
        <v>303</v>
      </c>
      <c r="F6" s="1177" t="s">
        <v>301</v>
      </c>
      <c r="G6" s="1186" t="s">
        <v>302</v>
      </c>
      <c r="H6" s="1175" t="s">
        <v>303</v>
      </c>
      <c r="I6" s="1188" t="s">
        <v>301</v>
      </c>
      <c r="J6" s="1186" t="s">
        <v>302</v>
      </c>
      <c r="K6" s="1178" t="s">
        <v>303</v>
      </c>
      <c r="L6" s="1177" t="s">
        <v>301</v>
      </c>
      <c r="M6" s="1186" t="s">
        <v>302</v>
      </c>
      <c r="N6" s="1190" t="s">
        <v>303</v>
      </c>
      <c r="O6" s="1047"/>
      <c r="P6" s="1189"/>
      <c r="Q6" s="1188" t="s">
        <v>301</v>
      </c>
      <c r="R6" s="1177" t="s">
        <v>304</v>
      </c>
      <c r="S6" s="1175" t="s">
        <v>303</v>
      </c>
      <c r="T6" s="1187" t="s">
        <v>301</v>
      </c>
      <c r="U6" s="1186" t="s">
        <v>302</v>
      </c>
      <c r="V6" s="1177" t="s">
        <v>303</v>
      </c>
      <c r="W6" s="1177" t="s">
        <v>301</v>
      </c>
      <c r="X6" s="1186" t="s">
        <v>302</v>
      </c>
      <c r="Y6" s="1178" t="s">
        <v>303</v>
      </c>
      <c r="Z6" s="1177" t="s">
        <v>478</v>
      </c>
      <c r="AA6" s="1180" t="s">
        <v>303</v>
      </c>
      <c r="AB6" s="1047"/>
      <c r="AC6" s="1184"/>
      <c r="AD6" s="1185" t="s">
        <v>481</v>
      </c>
      <c r="AE6" s="1177" t="s">
        <v>478</v>
      </c>
      <c r="AF6" s="1177" t="s">
        <v>310</v>
      </c>
      <c r="AG6" s="1177" t="s">
        <v>480</v>
      </c>
      <c r="AH6" s="1177" t="s">
        <v>479</v>
      </c>
      <c r="AI6" s="1177" t="s">
        <v>478</v>
      </c>
      <c r="AJ6" s="1178" t="s">
        <v>310</v>
      </c>
      <c r="AK6" s="1177" t="s">
        <v>478</v>
      </c>
      <c r="AL6" s="1177" t="s">
        <v>310</v>
      </c>
      <c r="AM6" s="1184"/>
      <c r="AN6" s="1183"/>
      <c r="AO6" s="1182"/>
      <c r="AP6" s="1181" t="s">
        <v>301</v>
      </c>
      <c r="AQ6" s="1180" t="s">
        <v>309</v>
      </c>
      <c r="AR6" s="1179"/>
      <c r="AS6" s="1179"/>
      <c r="AT6" s="1178" t="s">
        <v>301</v>
      </c>
      <c r="AU6" s="1178" t="s">
        <v>303</v>
      </c>
      <c r="AV6" s="1178" t="s">
        <v>301</v>
      </c>
      <c r="AW6" s="1178" t="s">
        <v>310</v>
      </c>
      <c r="AX6" s="1178" t="s">
        <v>301</v>
      </c>
      <c r="AY6" s="1177" t="s">
        <v>310</v>
      </c>
      <c r="AZ6" s="1178" t="s">
        <v>301</v>
      </c>
      <c r="BA6" s="1177" t="s">
        <v>310</v>
      </c>
      <c r="BB6" s="1176" t="s">
        <v>301</v>
      </c>
      <c r="BC6" s="1175" t="s">
        <v>310</v>
      </c>
    </row>
    <row r="7" spans="1:55" s="613" customFormat="1" ht="12.75" customHeight="1" thickTop="1" x14ac:dyDescent="0.15">
      <c r="A7" s="518">
        <v>1</v>
      </c>
      <c r="B7" s="1152" t="s">
        <v>477</v>
      </c>
      <c r="C7" s="1161">
        <v>84172</v>
      </c>
      <c r="D7" s="1161">
        <v>1079648</v>
      </c>
      <c r="E7" s="1161">
        <v>54382954040</v>
      </c>
      <c r="F7" s="1161">
        <v>3670959</v>
      </c>
      <c r="G7" s="1161">
        <v>5778312</v>
      </c>
      <c r="H7" s="1161">
        <v>56183663454</v>
      </c>
      <c r="I7" s="1161">
        <v>817186</v>
      </c>
      <c r="J7" s="1161">
        <v>1456945</v>
      </c>
      <c r="K7" s="1161">
        <v>10562727280</v>
      </c>
      <c r="L7" s="1161">
        <v>4572317</v>
      </c>
      <c r="M7" s="1161">
        <v>8314905</v>
      </c>
      <c r="N7" s="1160">
        <v>121129344774</v>
      </c>
      <c r="O7" s="518">
        <v>1</v>
      </c>
      <c r="P7" s="1152" t="s">
        <v>477</v>
      </c>
      <c r="Q7" s="1161">
        <v>2697992</v>
      </c>
      <c r="R7" s="1161">
        <v>3171461</v>
      </c>
      <c r="S7" s="1161">
        <v>31292359600</v>
      </c>
      <c r="T7" s="1161">
        <v>80437</v>
      </c>
      <c r="U7" s="1161">
        <v>2675943</v>
      </c>
      <c r="V7" s="1161">
        <v>1803471496</v>
      </c>
      <c r="W7" s="1161">
        <v>10915</v>
      </c>
      <c r="X7" s="1161">
        <v>81528</v>
      </c>
      <c r="Y7" s="1161">
        <v>935608695</v>
      </c>
      <c r="Z7" s="1161">
        <v>7281224</v>
      </c>
      <c r="AA7" s="1160">
        <v>155160784565</v>
      </c>
      <c r="AB7" s="518">
        <v>1</v>
      </c>
      <c r="AC7" s="1152" t="s">
        <v>477</v>
      </c>
      <c r="AD7" s="1147">
        <v>625</v>
      </c>
      <c r="AE7" s="1147">
        <v>152580</v>
      </c>
      <c r="AF7" s="1147">
        <v>1686565852</v>
      </c>
      <c r="AG7" s="1147">
        <v>137</v>
      </c>
      <c r="AH7" s="1147">
        <v>11186168</v>
      </c>
      <c r="AI7" s="1147">
        <v>1</v>
      </c>
      <c r="AJ7" s="1147">
        <v>38460</v>
      </c>
      <c r="AK7" s="1174">
        <v>7434430</v>
      </c>
      <c r="AL7" s="1145">
        <v>156847388877</v>
      </c>
      <c r="AM7" s="1166">
        <v>117878860315</v>
      </c>
      <c r="AN7" s="1147">
        <v>36969482376</v>
      </c>
      <c r="AO7" s="1147">
        <v>1999046186</v>
      </c>
      <c r="AP7" s="1146">
        <v>449377</v>
      </c>
      <c r="AQ7" s="1165">
        <v>15657051406</v>
      </c>
    </row>
    <row r="8" spans="1:55" s="613" customFormat="1" ht="12.75" customHeight="1" x14ac:dyDescent="0.15">
      <c r="A8" s="518">
        <v>2</v>
      </c>
      <c r="B8" s="1152" t="s">
        <v>476</v>
      </c>
      <c r="C8" s="456">
        <v>30557</v>
      </c>
      <c r="D8" s="456">
        <v>405345</v>
      </c>
      <c r="E8" s="456">
        <v>19495110525</v>
      </c>
      <c r="F8" s="456">
        <v>1176229</v>
      </c>
      <c r="G8" s="456">
        <v>1905270</v>
      </c>
      <c r="H8" s="456">
        <v>18547618885</v>
      </c>
      <c r="I8" s="456">
        <v>263372</v>
      </c>
      <c r="J8" s="456">
        <v>472042</v>
      </c>
      <c r="K8" s="456">
        <v>3373543022</v>
      </c>
      <c r="L8" s="456">
        <v>1470158</v>
      </c>
      <c r="M8" s="456">
        <v>2782657</v>
      </c>
      <c r="N8" s="457">
        <v>41416272432</v>
      </c>
      <c r="O8" s="518">
        <v>2</v>
      </c>
      <c r="P8" s="1152" t="s">
        <v>476</v>
      </c>
      <c r="Q8" s="456">
        <v>887829</v>
      </c>
      <c r="R8" s="456">
        <v>1061585</v>
      </c>
      <c r="S8" s="456">
        <v>10753716007</v>
      </c>
      <c r="T8" s="456">
        <v>29230</v>
      </c>
      <c r="U8" s="456">
        <v>1008213</v>
      </c>
      <c r="V8" s="456">
        <v>676640152</v>
      </c>
      <c r="W8" s="456">
        <v>3347</v>
      </c>
      <c r="X8" s="456">
        <v>24987</v>
      </c>
      <c r="Y8" s="456">
        <v>282604800</v>
      </c>
      <c r="Z8" s="456">
        <v>2361334</v>
      </c>
      <c r="AA8" s="457">
        <v>53129233391</v>
      </c>
      <c r="AB8" s="518">
        <v>2</v>
      </c>
      <c r="AC8" s="1152" t="s">
        <v>476</v>
      </c>
      <c r="AD8" s="1147">
        <v>1055</v>
      </c>
      <c r="AE8" s="1147">
        <v>54525</v>
      </c>
      <c r="AF8" s="1147">
        <v>642979675</v>
      </c>
      <c r="AG8" s="1147">
        <v>41</v>
      </c>
      <c r="AH8" s="1147">
        <v>956999</v>
      </c>
      <c r="AI8" s="1147">
        <v>2</v>
      </c>
      <c r="AJ8" s="1147">
        <v>112131</v>
      </c>
      <c r="AK8" s="1146">
        <v>2416916</v>
      </c>
      <c r="AL8" s="1145">
        <v>53772325197</v>
      </c>
      <c r="AM8" s="1166">
        <v>40303180150</v>
      </c>
      <c r="AN8" s="1147">
        <v>12556152190</v>
      </c>
      <c r="AO8" s="1147">
        <v>912992857</v>
      </c>
      <c r="AP8" s="1146">
        <v>149639</v>
      </c>
      <c r="AQ8" s="1165">
        <v>5465752100</v>
      </c>
    </row>
    <row r="9" spans="1:55" s="613" customFormat="1" ht="12.75" customHeight="1" x14ac:dyDescent="0.15">
      <c r="A9" s="518">
        <v>3</v>
      </c>
      <c r="B9" s="1152" t="s">
        <v>475</v>
      </c>
      <c r="C9" s="456">
        <v>12033</v>
      </c>
      <c r="D9" s="456">
        <v>153429</v>
      </c>
      <c r="E9" s="456">
        <v>7936314510</v>
      </c>
      <c r="F9" s="456">
        <v>550533</v>
      </c>
      <c r="G9" s="456">
        <v>870935</v>
      </c>
      <c r="H9" s="456">
        <v>8490772085</v>
      </c>
      <c r="I9" s="456">
        <v>120971</v>
      </c>
      <c r="J9" s="456">
        <v>210882</v>
      </c>
      <c r="K9" s="456">
        <v>1509067430</v>
      </c>
      <c r="L9" s="456">
        <v>683537</v>
      </c>
      <c r="M9" s="456">
        <v>1235246</v>
      </c>
      <c r="N9" s="457">
        <v>17936154025</v>
      </c>
      <c r="O9" s="518">
        <v>3</v>
      </c>
      <c r="P9" s="1152" t="s">
        <v>475</v>
      </c>
      <c r="Q9" s="456">
        <v>427942</v>
      </c>
      <c r="R9" s="456">
        <v>503315</v>
      </c>
      <c r="S9" s="456">
        <v>4984670098</v>
      </c>
      <c r="T9" s="456">
        <v>11541</v>
      </c>
      <c r="U9" s="456">
        <v>376506</v>
      </c>
      <c r="V9" s="456">
        <v>255264163</v>
      </c>
      <c r="W9" s="456">
        <v>1057</v>
      </c>
      <c r="X9" s="456">
        <v>6975</v>
      </c>
      <c r="Y9" s="456">
        <v>88957520</v>
      </c>
      <c r="Z9" s="456">
        <v>1112536</v>
      </c>
      <c r="AA9" s="457">
        <v>23265045806</v>
      </c>
      <c r="AB9" s="518">
        <v>3</v>
      </c>
      <c r="AC9" s="1152" t="s">
        <v>475</v>
      </c>
      <c r="AD9" s="1147">
        <v>18</v>
      </c>
      <c r="AE9" s="1147">
        <v>19854</v>
      </c>
      <c r="AF9" s="1147">
        <v>239688603</v>
      </c>
      <c r="AG9" s="1147">
        <v>19</v>
      </c>
      <c r="AH9" s="1147">
        <v>392718</v>
      </c>
      <c r="AI9" s="1147">
        <v>0</v>
      </c>
      <c r="AJ9" s="1147">
        <v>0</v>
      </c>
      <c r="AK9" s="1146">
        <v>1132408</v>
      </c>
      <c r="AL9" s="1145">
        <v>23504734409</v>
      </c>
      <c r="AM9" s="1166">
        <v>17743898377</v>
      </c>
      <c r="AN9" s="1147">
        <v>5467678317</v>
      </c>
      <c r="AO9" s="1147">
        <v>293157715</v>
      </c>
      <c r="AP9" s="1146">
        <v>57750</v>
      </c>
      <c r="AQ9" s="1165">
        <v>2374998363</v>
      </c>
    </row>
    <row r="10" spans="1:55" s="613" customFormat="1" ht="12.75" customHeight="1" x14ac:dyDescent="0.15">
      <c r="A10" s="518">
        <v>4</v>
      </c>
      <c r="B10" s="1152" t="s">
        <v>474</v>
      </c>
      <c r="C10" s="456">
        <v>7308</v>
      </c>
      <c r="D10" s="456">
        <v>103799</v>
      </c>
      <c r="E10" s="456">
        <v>4573503715</v>
      </c>
      <c r="F10" s="456">
        <v>295586</v>
      </c>
      <c r="G10" s="456">
        <v>462756</v>
      </c>
      <c r="H10" s="456">
        <v>4755528259</v>
      </c>
      <c r="I10" s="456">
        <v>66115</v>
      </c>
      <c r="J10" s="456">
        <v>119077</v>
      </c>
      <c r="K10" s="456">
        <v>849593220</v>
      </c>
      <c r="L10" s="456">
        <v>369009</v>
      </c>
      <c r="M10" s="456">
        <v>685632</v>
      </c>
      <c r="N10" s="457">
        <v>10178625194</v>
      </c>
      <c r="O10" s="518">
        <v>4</v>
      </c>
      <c r="P10" s="1152" t="s">
        <v>474</v>
      </c>
      <c r="Q10" s="456">
        <v>222884</v>
      </c>
      <c r="R10" s="456">
        <v>257781</v>
      </c>
      <c r="S10" s="456">
        <v>2639444609</v>
      </c>
      <c r="T10" s="456">
        <v>6979</v>
      </c>
      <c r="U10" s="456">
        <v>256606</v>
      </c>
      <c r="V10" s="456">
        <v>171426457</v>
      </c>
      <c r="W10" s="456">
        <v>933</v>
      </c>
      <c r="X10" s="456">
        <v>7049</v>
      </c>
      <c r="Y10" s="456">
        <v>86379130</v>
      </c>
      <c r="Z10" s="456">
        <v>592826</v>
      </c>
      <c r="AA10" s="457">
        <v>13075875390</v>
      </c>
      <c r="AB10" s="518">
        <v>4</v>
      </c>
      <c r="AC10" s="1152" t="s">
        <v>474</v>
      </c>
      <c r="AD10" s="1147">
        <v>25</v>
      </c>
      <c r="AE10" s="1147">
        <v>10623</v>
      </c>
      <c r="AF10" s="1147">
        <v>131551232</v>
      </c>
      <c r="AG10" s="1147">
        <v>1</v>
      </c>
      <c r="AH10" s="1147">
        <v>20330</v>
      </c>
      <c r="AI10" s="1147">
        <v>0</v>
      </c>
      <c r="AJ10" s="1147">
        <v>0</v>
      </c>
      <c r="AK10" s="1146">
        <v>603474</v>
      </c>
      <c r="AL10" s="1145">
        <v>13207426622</v>
      </c>
      <c r="AM10" s="1166">
        <v>9932676461</v>
      </c>
      <c r="AN10" s="1147">
        <v>3013303750</v>
      </c>
      <c r="AO10" s="1147">
        <v>261446411</v>
      </c>
      <c r="AP10" s="1146">
        <v>31923</v>
      </c>
      <c r="AQ10" s="1165">
        <v>1364051311</v>
      </c>
    </row>
    <row r="11" spans="1:55" s="613" customFormat="1" ht="12.75" customHeight="1" x14ac:dyDescent="0.15">
      <c r="A11" s="518">
        <v>5</v>
      </c>
      <c r="B11" s="1152" t="s">
        <v>473</v>
      </c>
      <c r="C11" s="456">
        <v>4364</v>
      </c>
      <c r="D11" s="456">
        <v>54933</v>
      </c>
      <c r="E11" s="456">
        <v>2706599332</v>
      </c>
      <c r="F11" s="456">
        <v>196967</v>
      </c>
      <c r="G11" s="456">
        <v>291584</v>
      </c>
      <c r="H11" s="456">
        <v>3028822410</v>
      </c>
      <c r="I11" s="456">
        <v>48842</v>
      </c>
      <c r="J11" s="456">
        <v>84213</v>
      </c>
      <c r="K11" s="456">
        <v>614640120</v>
      </c>
      <c r="L11" s="456">
        <v>250173</v>
      </c>
      <c r="M11" s="456">
        <v>430730</v>
      </c>
      <c r="N11" s="457">
        <v>6350061862</v>
      </c>
      <c r="O11" s="518">
        <v>5</v>
      </c>
      <c r="P11" s="1152" t="s">
        <v>473</v>
      </c>
      <c r="Q11" s="456">
        <v>144317</v>
      </c>
      <c r="R11" s="456">
        <v>167756</v>
      </c>
      <c r="S11" s="456">
        <v>1667163470</v>
      </c>
      <c r="T11" s="456">
        <v>4129</v>
      </c>
      <c r="U11" s="456">
        <v>139496</v>
      </c>
      <c r="V11" s="456">
        <v>93470557</v>
      </c>
      <c r="W11" s="456">
        <v>565</v>
      </c>
      <c r="X11" s="456">
        <v>3788</v>
      </c>
      <c r="Y11" s="456">
        <v>41052180</v>
      </c>
      <c r="Z11" s="456">
        <v>395055</v>
      </c>
      <c r="AA11" s="457">
        <v>8151748069</v>
      </c>
      <c r="AB11" s="518">
        <v>5</v>
      </c>
      <c r="AC11" s="1152" t="s">
        <v>473</v>
      </c>
      <c r="AD11" s="1147">
        <v>9</v>
      </c>
      <c r="AE11" s="1147">
        <v>6804</v>
      </c>
      <c r="AF11" s="1147">
        <v>77439402</v>
      </c>
      <c r="AG11" s="1147">
        <v>8</v>
      </c>
      <c r="AH11" s="1147">
        <v>291521</v>
      </c>
      <c r="AI11" s="1147">
        <v>0</v>
      </c>
      <c r="AJ11" s="1147">
        <v>0</v>
      </c>
      <c r="AK11" s="1146">
        <v>401868</v>
      </c>
      <c r="AL11" s="1145">
        <v>8229187471</v>
      </c>
      <c r="AM11" s="1166">
        <v>6153206672</v>
      </c>
      <c r="AN11" s="1147">
        <v>1966979886</v>
      </c>
      <c r="AO11" s="1147">
        <v>109000913</v>
      </c>
      <c r="AP11" s="1146">
        <v>16650</v>
      </c>
      <c r="AQ11" s="1165">
        <v>746758800</v>
      </c>
    </row>
    <row r="12" spans="1:55" s="613" customFormat="1" ht="12.75" customHeight="1" x14ac:dyDescent="0.15">
      <c r="A12" s="518">
        <v>6</v>
      </c>
      <c r="B12" s="1152" t="s">
        <v>472</v>
      </c>
      <c r="C12" s="456">
        <v>9501</v>
      </c>
      <c r="D12" s="456">
        <v>125145</v>
      </c>
      <c r="E12" s="456">
        <v>5955256501</v>
      </c>
      <c r="F12" s="456">
        <v>448374</v>
      </c>
      <c r="G12" s="456">
        <v>694124</v>
      </c>
      <c r="H12" s="456">
        <v>6978071380</v>
      </c>
      <c r="I12" s="456">
        <v>103195</v>
      </c>
      <c r="J12" s="456">
        <v>179272</v>
      </c>
      <c r="K12" s="456">
        <v>1276619430</v>
      </c>
      <c r="L12" s="456">
        <v>561070</v>
      </c>
      <c r="M12" s="456">
        <v>998541</v>
      </c>
      <c r="N12" s="457">
        <v>14209947311</v>
      </c>
      <c r="O12" s="518">
        <v>6</v>
      </c>
      <c r="P12" s="1152" t="s">
        <v>472</v>
      </c>
      <c r="Q12" s="456">
        <v>325628</v>
      </c>
      <c r="R12" s="456">
        <v>377860</v>
      </c>
      <c r="S12" s="456">
        <v>3749728968</v>
      </c>
      <c r="T12" s="456">
        <v>9099</v>
      </c>
      <c r="U12" s="456">
        <v>317894</v>
      </c>
      <c r="V12" s="456">
        <v>213314321</v>
      </c>
      <c r="W12" s="456">
        <v>1321</v>
      </c>
      <c r="X12" s="456">
        <v>9555</v>
      </c>
      <c r="Y12" s="456">
        <v>113442320</v>
      </c>
      <c r="Z12" s="456">
        <v>888019</v>
      </c>
      <c r="AA12" s="457">
        <v>18286432920</v>
      </c>
      <c r="AB12" s="518">
        <v>6</v>
      </c>
      <c r="AC12" s="1152" t="s">
        <v>472</v>
      </c>
      <c r="AD12" s="1147">
        <v>0</v>
      </c>
      <c r="AE12" s="1147">
        <v>19372</v>
      </c>
      <c r="AF12" s="1147">
        <v>204280125</v>
      </c>
      <c r="AG12" s="1147">
        <v>10</v>
      </c>
      <c r="AH12" s="1147">
        <v>233533</v>
      </c>
      <c r="AI12" s="1147">
        <v>0</v>
      </c>
      <c r="AJ12" s="1147">
        <v>0</v>
      </c>
      <c r="AK12" s="1146">
        <v>907391</v>
      </c>
      <c r="AL12" s="1145">
        <v>18490713045</v>
      </c>
      <c r="AM12" s="1166">
        <v>13891962754</v>
      </c>
      <c r="AN12" s="1147">
        <v>4200057447</v>
      </c>
      <c r="AO12" s="1147">
        <v>398692844</v>
      </c>
      <c r="AP12" s="1146">
        <v>39267</v>
      </c>
      <c r="AQ12" s="1165">
        <v>1728628232</v>
      </c>
    </row>
    <row r="13" spans="1:55" s="613" customFormat="1" ht="12.75" customHeight="1" x14ac:dyDescent="0.15">
      <c r="A13" s="518">
        <v>7</v>
      </c>
      <c r="B13" s="1152" t="s">
        <v>471</v>
      </c>
      <c r="C13" s="456">
        <v>6177</v>
      </c>
      <c r="D13" s="456">
        <v>93285</v>
      </c>
      <c r="E13" s="456">
        <v>3739602963</v>
      </c>
      <c r="F13" s="456">
        <v>233878</v>
      </c>
      <c r="G13" s="456">
        <v>367887</v>
      </c>
      <c r="H13" s="456">
        <v>3802311475</v>
      </c>
      <c r="I13" s="456">
        <v>49891</v>
      </c>
      <c r="J13" s="456">
        <v>89286</v>
      </c>
      <c r="K13" s="456">
        <v>673687090</v>
      </c>
      <c r="L13" s="456">
        <v>289946</v>
      </c>
      <c r="M13" s="456">
        <v>550458</v>
      </c>
      <c r="N13" s="457">
        <v>8215601528</v>
      </c>
      <c r="O13" s="518">
        <v>7</v>
      </c>
      <c r="P13" s="1152" t="s">
        <v>471</v>
      </c>
      <c r="Q13" s="456">
        <v>169300</v>
      </c>
      <c r="R13" s="456">
        <v>199582</v>
      </c>
      <c r="S13" s="456">
        <v>1982944060</v>
      </c>
      <c r="T13" s="456">
        <v>5956</v>
      </c>
      <c r="U13" s="456">
        <v>243582</v>
      </c>
      <c r="V13" s="456">
        <v>163103868</v>
      </c>
      <c r="W13" s="456">
        <v>511</v>
      </c>
      <c r="X13" s="456">
        <v>3984</v>
      </c>
      <c r="Y13" s="456">
        <v>54498800</v>
      </c>
      <c r="Z13" s="456">
        <v>459757</v>
      </c>
      <c r="AA13" s="457">
        <v>10416148256</v>
      </c>
      <c r="AB13" s="518">
        <v>7</v>
      </c>
      <c r="AC13" s="1152" t="s">
        <v>471</v>
      </c>
      <c r="AD13" s="1147">
        <v>37</v>
      </c>
      <c r="AE13" s="1147">
        <v>8487</v>
      </c>
      <c r="AF13" s="1147">
        <v>85556052</v>
      </c>
      <c r="AG13" s="1147">
        <v>0</v>
      </c>
      <c r="AH13" s="1147">
        <v>0</v>
      </c>
      <c r="AI13" s="1147">
        <v>0</v>
      </c>
      <c r="AJ13" s="1147">
        <v>0</v>
      </c>
      <c r="AK13" s="1146">
        <v>468281</v>
      </c>
      <c r="AL13" s="1145">
        <v>10501704308</v>
      </c>
      <c r="AM13" s="1166">
        <v>7888423248</v>
      </c>
      <c r="AN13" s="1147">
        <v>2480604436</v>
      </c>
      <c r="AO13" s="1147">
        <v>132676624</v>
      </c>
      <c r="AP13" s="1146">
        <v>28867</v>
      </c>
      <c r="AQ13" s="1165">
        <v>1072764369</v>
      </c>
    </row>
    <row r="14" spans="1:55" s="613" customFormat="1" ht="12.75" customHeight="1" x14ac:dyDescent="0.15">
      <c r="A14" s="518">
        <v>8</v>
      </c>
      <c r="B14" s="1152" t="s">
        <v>470</v>
      </c>
      <c r="C14" s="456">
        <v>6073</v>
      </c>
      <c r="D14" s="456">
        <v>76610</v>
      </c>
      <c r="E14" s="456">
        <v>3698558770</v>
      </c>
      <c r="F14" s="456">
        <v>259473</v>
      </c>
      <c r="G14" s="456">
        <v>392184</v>
      </c>
      <c r="H14" s="456">
        <v>4087896515</v>
      </c>
      <c r="I14" s="456">
        <v>60508</v>
      </c>
      <c r="J14" s="456">
        <v>106619</v>
      </c>
      <c r="K14" s="456">
        <v>768630830</v>
      </c>
      <c r="L14" s="456">
        <v>326054</v>
      </c>
      <c r="M14" s="456">
        <v>575413</v>
      </c>
      <c r="N14" s="457">
        <v>8555086115</v>
      </c>
      <c r="O14" s="518">
        <v>8</v>
      </c>
      <c r="P14" s="1152" t="s">
        <v>470</v>
      </c>
      <c r="Q14" s="456">
        <v>197525</v>
      </c>
      <c r="R14" s="456">
        <v>228983</v>
      </c>
      <c r="S14" s="456">
        <v>2309203387</v>
      </c>
      <c r="T14" s="456">
        <v>5705</v>
      </c>
      <c r="U14" s="456">
        <v>185635</v>
      </c>
      <c r="V14" s="456">
        <v>124493324</v>
      </c>
      <c r="W14" s="456">
        <v>648</v>
      </c>
      <c r="X14" s="456">
        <v>4397</v>
      </c>
      <c r="Y14" s="456">
        <v>53655000</v>
      </c>
      <c r="Z14" s="456">
        <v>524227</v>
      </c>
      <c r="AA14" s="457">
        <v>11042437826</v>
      </c>
      <c r="AB14" s="518">
        <v>8</v>
      </c>
      <c r="AC14" s="1152" t="s">
        <v>470</v>
      </c>
      <c r="AD14" s="1147">
        <v>0</v>
      </c>
      <c r="AE14" s="1147">
        <v>13209</v>
      </c>
      <c r="AF14" s="1147">
        <v>133188187</v>
      </c>
      <c r="AG14" s="1147">
        <v>9</v>
      </c>
      <c r="AH14" s="1147">
        <v>342471</v>
      </c>
      <c r="AI14" s="1147">
        <v>0</v>
      </c>
      <c r="AJ14" s="1147">
        <v>0</v>
      </c>
      <c r="AK14" s="1146">
        <v>537436</v>
      </c>
      <c r="AL14" s="1145">
        <v>11175626013</v>
      </c>
      <c r="AM14" s="1166">
        <v>8416521821</v>
      </c>
      <c r="AN14" s="1147">
        <v>2607833743</v>
      </c>
      <c r="AO14" s="1147">
        <v>151270449</v>
      </c>
      <c r="AP14" s="1146">
        <v>19544</v>
      </c>
      <c r="AQ14" s="1165">
        <v>1076306108</v>
      </c>
    </row>
    <row r="15" spans="1:55" s="613" customFormat="1" ht="12.75" customHeight="1" x14ac:dyDescent="0.15">
      <c r="A15" s="518">
        <v>9</v>
      </c>
      <c r="B15" s="1152" t="s">
        <v>469</v>
      </c>
      <c r="C15" s="456">
        <v>1569</v>
      </c>
      <c r="D15" s="456">
        <v>21634</v>
      </c>
      <c r="E15" s="456">
        <v>1012065580</v>
      </c>
      <c r="F15" s="456">
        <v>71834</v>
      </c>
      <c r="G15" s="456">
        <v>110530</v>
      </c>
      <c r="H15" s="456">
        <v>1128389000</v>
      </c>
      <c r="I15" s="456">
        <v>16563</v>
      </c>
      <c r="J15" s="456">
        <v>31128</v>
      </c>
      <c r="K15" s="456">
        <v>213192050</v>
      </c>
      <c r="L15" s="456">
        <v>89966</v>
      </c>
      <c r="M15" s="456">
        <v>163292</v>
      </c>
      <c r="N15" s="457">
        <v>2353646630</v>
      </c>
      <c r="O15" s="518">
        <v>9</v>
      </c>
      <c r="P15" s="1152" t="s">
        <v>469</v>
      </c>
      <c r="Q15" s="456">
        <v>53333</v>
      </c>
      <c r="R15" s="456">
        <v>62758</v>
      </c>
      <c r="S15" s="456">
        <v>610958060</v>
      </c>
      <c r="T15" s="456">
        <v>1507</v>
      </c>
      <c r="U15" s="456">
        <v>54150</v>
      </c>
      <c r="V15" s="456">
        <v>36775469</v>
      </c>
      <c r="W15" s="456">
        <v>180</v>
      </c>
      <c r="X15" s="456">
        <v>983</v>
      </c>
      <c r="Y15" s="456">
        <v>10624220</v>
      </c>
      <c r="Z15" s="456">
        <v>143479</v>
      </c>
      <c r="AA15" s="457">
        <v>3012004379</v>
      </c>
      <c r="AB15" s="518">
        <v>9</v>
      </c>
      <c r="AC15" s="1152" t="s">
        <v>469</v>
      </c>
      <c r="AD15" s="1147">
        <v>11</v>
      </c>
      <c r="AE15" s="1147">
        <v>2996</v>
      </c>
      <c r="AF15" s="1147">
        <v>35625052</v>
      </c>
      <c r="AG15" s="1147">
        <v>1</v>
      </c>
      <c r="AH15" s="1147">
        <v>43274</v>
      </c>
      <c r="AI15" s="1147">
        <v>1</v>
      </c>
      <c r="AJ15" s="1147">
        <v>31920</v>
      </c>
      <c r="AK15" s="1146">
        <v>146487</v>
      </c>
      <c r="AL15" s="1145">
        <v>3047661351</v>
      </c>
      <c r="AM15" s="1166">
        <v>2290892182</v>
      </c>
      <c r="AN15" s="1147">
        <v>721815867</v>
      </c>
      <c r="AO15" s="1147">
        <v>34953302</v>
      </c>
      <c r="AP15" s="1146">
        <v>6572</v>
      </c>
      <c r="AQ15" s="1165">
        <v>297566018</v>
      </c>
    </row>
    <row r="16" spans="1:55" s="613" customFormat="1" ht="12.75" customHeight="1" x14ac:dyDescent="0.15">
      <c r="A16" s="518">
        <v>10</v>
      </c>
      <c r="B16" s="1152" t="s">
        <v>468</v>
      </c>
      <c r="C16" s="456">
        <v>19394</v>
      </c>
      <c r="D16" s="456">
        <v>269781</v>
      </c>
      <c r="E16" s="456">
        <v>11771542219</v>
      </c>
      <c r="F16" s="456">
        <v>742794</v>
      </c>
      <c r="G16" s="456">
        <v>1150816</v>
      </c>
      <c r="H16" s="456">
        <v>12192937941</v>
      </c>
      <c r="I16" s="456">
        <v>172806</v>
      </c>
      <c r="J16" s="456">
        <v>319540</v>
      </c>
      <c r="K16" s="456">
        <v>2290579693</v>
      </c>
      <c r="L16" s="456">
        <v>934994</v>
      </c>
      <c r="M16" s="456">
        <v>1740137</v>
      </c>
      <c r="N16" s="457">
        <v>26255059853</v>
      </c>
      <c r="O16" s="518">
        <v>10</v>
      </c>
      <c r="P16" s="1152" t="s">
        <v>468</v>
      </c>
      <c r="Q16" s="456">
        <v>527821</v>
      </c>
      <c r="R16" s="456">
        <v>621860</v>
      </c>
      <c r="S16" s="456">
        <v>6384159713</v>
      </c>
      <c r="T16" s="456">
        <v>18312</v>
      </c>
      <c r="U16" s="456">
        <v>680635</v>
      </c>
      <c r="V16" s="456">
        <v>458016158</v>
      </c>
      <c r="W16" s="456">
        <v>2297</v>
      </c>
      <c r="X16" s="456">
        <v>16121</v>
      </c>
      <c r="Y16" s="456">
        <v>184429340</v>
      </c>
      <c r="Z16" s="456">
        <v>1465112</v>
      </c>
      <c r="AA16" s="457">
        <v>33281665064</v>
      </c>
      <c r="AB16" s="518">
        <v>10</v>
      </c>
      <c r="AC16" s="1152" t="s">
        <v>468</v>
      </c>
      <c r="AD16" s="1147">
        <v>95</v>
      </c>
      <c r="AE16" s="1147">
        <v>38425</v>
      </c>
      <c r="AF16" s="1147">
        <v>398834296</v>
      </c>
      <c r="AG16" s="1147">
        <v>4</v>
      </c>
      <c r="AH16" s="1147">
        <v>122289</v>
      </c>
      <c r="AI16" s="1147">
        <v>0</v>
      </c>
      <c r="AJ16" s="1147">
        <v>0</v>
      </c>
      <c r="AK16" s="1146">
        <v>1503632</v>
      </c>
      <c r="AL16" s="1145">
        <v>33680499360</v>
      </c>
      <c r="AM16" s="1166">
        <v>25310502834</v>
      </c>
      <c r="AN16" s="1147">
        <v>7743825612</v>
      </c>
      <c r="AO16" s="1147">
        <v>626170914</v>
      </c>
      <c r="AP16" s="1146">
        <v>70774</v>
      </c>
      <c r="AQ16" s="1165">
        <v>3253851953</v>
      </c>
    </row>
    <row r="17" spans="1:43" s="613" customFormat="1" ht="12.75" customHeight="1" x14ac:dyDescent="0.15">
      <c r="A17" s="518">
        <v>11</v>
      </c>
      <c r="B17" s="1152" t="s">
        <v>467</v>
      </c>
      <c r="C17" s="456">
        <v>1873</v>
      </c>
      <c r="D17" s="456">
        <v>22852</v>
      </c>
      <c r="E17" s="456">
        <v>1133723880</v>
      </c>
      <c r="F17" s="456">
        <v>67885</v>
      </c>
      <c r="G17" s="456">
        <v>106133</v>
      </c>
      <c r="H17" s="456">
        <v>1065164050</v>
      </c>
      <c r="I17" s="456">
        <v>13749</v>
      </c>
      <c r="J17" s="456">
        <v>24202</v>
      </c>
      <c r="K17" s="456">
        <v>184878010</v>
      </c>
      <c r="L17" s="456">
        <v>83507</v>
      </c>
      <c r="M17" s="456">
        <v>153187</v>
      </c>
      <c r="N17" s="457">
        <v>2383765940</v>
      </c>
      <c r="O17" s="518">
        <v>11</v>
      </c>
      <c r="P17" s="1152" t="s">
        <v>467</v>
      </c>
      <c r="Q17" s="456">
        <v>50904</v>
      </c>
      <c r="R17" s="456">
        <v>61358</v>
      </c>
      <c r="S17" s="456">
        <v>634723270</v>
      </c>
      <c r="T17" s="456">
        <v>1725</v>
      </c>
      <c r="U17" s="456">
        <v>55950</v>
      </c>
      <c r="V17" s="456">
        <v>37625212</v>
      </c>
      <c r="W17" s="456">
        <v>104</v>
      </c>
      <c r="X17" s="456">
        <v>817</v>
      </c>
      <c r="Y17" s="456">
        <v>8686260</v>
      </c>
      <c r="Z17" s="456">
        <v>134515</v>
      </c>
      <c r="AA17" s="457">
        <v>3064800682</v>
      </c>
      <c r="AB17" s="518">
        <v>11</v>
      </c>
      <c r="AC17" s="1152" t="s">
        <v>467</v>
      </c>
      <c r="AD17" s="1147">
        <v>36</v>
      </c>
      <c r="AE17" s="1147">
        <v>2864</v>
      </c>
      <c r="AF17" s="1147">
        <v>31848415</v>
      </c>
      <c r="AG17" s="1147">
        <v>1</v>
      </c>
      <c r="AH17" s="1147">
        <v>28908</v>
      </c>
      <c r="AI17" s="1147">
        <v>0</v>
      </c>
      <c r="AJ17" s="1147">
        <v>0</v>
      </c>
      <c r="AK17" s="1146">
        <v>137415</v>
      </c>
      <c r="AL17" s="1145">
        <v>3096649097</v>
      </c>
      <c r="AM17" s="1166">
        <v>2324650424</v>
      </c>
      <c r="AN17" s="1147">
        <v>757500835</v>
      </c>
      <c r="AO17" s="1147">
        <v>14497838</v>
      </c>
      <c r="AP17" s="1146">
        <v>8142</v>
      </c>
      <c r="AQ17" s="1165">
        <v>311686656</v>
      </c>
    </row>
    <row r="18" spans="1:43" s="613" customFormat="1" ht="12.75" customHeight="1" x14ac:dyDescent="0.15">
      <c r="A18" s="518">
        <v>12</v>
      </c>
      <c r="B18" s="1152" t="s">
        <v>466</v>
      </c>
      <c r="C18" s="456">
        <v>5512</v>
      </c>
      <c r="D18" s="456">
        <v>79032</v>
      </c>
      <c r="E18" s="456">
        <v>3311892612</v>
      </c>
      <c r="F18" s="456">
        <v>211427</v>
      </c>
      <c r="G18" s="456">
        <v>297356</v>
      </c>
      <c r="H18" s="456">
        <v>3251553943</v>
      </c>
      <c r="I18" s="456">
        <v>44883</v>
      </c>
      <c r="J18" s="456">
        <v>81165</v>
      </c>
      <c r="K18" s="456">
        <v>576654600</v>
      </c>
      <c r="L18" s="456">
        <v>261822</v>
      </c>
      <c r="M18" s="456">
        <v>457553</v>
      </c>
      <c r="N18" s="457">
        <v>7140101155</v>
      </c>
      <c r="O18" s="518">
        <v>12</v>
      </c>
      <c r="P18" s="1152" t="s">
        <v>466</v>
      </c>
      <c r="Q18" s="456">
        <v>136672</v>
      </c>
      <c r="R18" s="456">
        <v>155025</v>
      </c>
      <c r="S18" s="456">
        <v>1740494726</v>
      </c>
      <c r="T18" s="456">
        <v>4911</v>
      </c>
      <c r="U18" s="456">
        <v>202831</v>
      </c>
      <c r="V18" s="456">
        <v>136175155</v>
      </c>
      <c r="W18" s="456">
        <v>551</v>
      </c>
      <c r="X18" s="456">
        <v>4141</v>
      </c>
      <c r="Y18" s="456">
        <v>49773930</v>
      </c>
      <c r="Z18" s="456">
        <v>399045</v>
      </c>
      <c r="AA18" s="457">
        <v>9066544966</v>
      </c>
      <c r="AB18" s="518">
        <v>12</v>
      </c>
      <c r="AC18" s="1152" t="s">
        <v>466</v>
      </c>
      <c r="AD18" s="1147">
        <v>46</v>
      </c>
      <c r="AE18" s="1147">
        <v>7640</v>
      </c>
      <c r="AF18" s="1147">
        <v>73813481</v>
      </c>
      <c r="AG18" s="1147">
        <v>0</v>
      </c>
      <c r="AH18" s="1147">
        <v>0</v>
      </c>
      <c r="AI18" s="1147">
        <v>1</v>
      </c>
      <c r="AJ18" s="1147">
        <v>70509</v>
      </c>
      <c r="AK18" s="1146">
        <v>406732</v>
      </c>
      <c r="AL18" s="1145">
        <v>9138861522</v>
      </c>
      <c r="AM18" s="1166">
        <v>6856011229</v>
      </c>
      <c r="AN18" s="1147">
        <v>2177529569</v>
      </c>
      <c r="AO18" s="1147">
        <v>106888158</v>
      </c>
      <c r="AP18" s="1146">
        <v>19978</v>
      </c>
      <c r="AQ18" s="1165">
        <v>908614722</v>
      </c>
    </row>
    <row r="19" spans="1:43" s="613" customFormat="1" ht="12.75" customHeight="1" x14ac:dyDescent="0.15">
      <c r="A19" s="518">
        <v>13</v>
      </c>
      <c r="B19" s="1152" t="s">
        <v>465</v>
      </c>
      <c r="C19" s="456">
        <v>6270</v>
      </c>
      <c r="D19" s="456">
        <v>84605</v>
      </c>
      <c r="E19" s="456">
        <v>3768283886</v>
      </c>
      <c r="F19" s="456">
        <v>243248</v>
      </c>
      <c r="G19" s="456">
        <v>383333</v>
      </c>
      <c r="H19" s="456">
        <v>3924180734</v>
      </c>
      <c r="I19" s="456">
        <v>54208</v>
      </c>
      <c r="J19" s="456">
        <v>97203</v>
      </c>
      <c r="K19" s="456">
        <v>684157650</v>
      </c>
      <c r="L19" s="456">
        <v>303726</v>
      </c>
      <c r="M19" s="456">
        <v>565141</v>
      </c>
      <c r="N19" s="457">
        <v>8376622270</v>
      </c>
      <c r="O19" s="518">
        <v>13</v>
      </c>
      <c r="P19" s="1152" t="s">
        <v>465</v>
      </c>
      <c r="Q19" s="456">
        <v>176899</v>
      </c>
      <c r="R19" s="456">
        <v>205198</v>
      </c>
      <c r="S19" s="456">
        <v>2138076379</v>
      </c>
      <c r="T19" s="456">
        <v>6023</v>
      </c>
      <c r="U19" s="456">
        <v>210906</v>
      </c>
      <c r="V19" s="456">
        <v>142341577</v>
      </c>
      <c r="W19" s="456">
        <v>544</v>
      </c>
      <c r="X19" s="456">
        <v>3179</v>
      </c>
      <c r="Y19" s="456">
        <v>35496370</v>
      </c>
      <c r="Z19" s="456">
        <v>481169</v>
      </c>
      <c r="AA19" s="457">
        <v>10692536596</v>
      </c>
      <c r="AB19" s="518">
        <v>13</v>
      </c>
      <c r="AC19" s="1152" t="s">
        <v>465</v>
      </c>
      <c r="AD19" s="1147">
        <v>16</v>
      </c>
      <c r="AE19" s="1147">
        <v>8715</v>
      </c>
      <c r="AF19" s="1147">
        <v>94089987</v>
      </c>
      <c r="AG19" s="1147">
        <v>3</v>
      </c>
      <c r="AH19" s="1147">
        <v>32102</v>
      </c>
      <c r="AI19" s="1147">
        <v>1</v>
      </c>
      <c r="AJ19" s="1147">
        <v>26970</v>
      </c>
      <c r="AK19" s="1146">
        <v>489901</v>
      </c>
      <c r="AL19" s="1145">
        <v>10786653553</v>
      </c>
      <c r="AM19" s="1166">
        <v>8104123982</v>
      </c>
      <c r="AN19" s="1147">
        <v>2548568975</v>
      </c>
      <c r="AO19" s="1147">
        <v>133960596</v>
      </c>
      <c r="AP19" s="1146">
        <v>23821</v>
      </c>
      <c r="AQ19" s="1165">
        <v>1046899606</v>
      </c>
    </row>
    <row r="20" spans="1:43" s="613" customFormat="1" ht="12.75" customHeight="1" x14ac:dyDescent="0.15">
      <c r="A20" s="518">
        <v>14</v>
      </c>
      <c r="B20" s="1152" t="s">
        <v>464</v>
      </c>
      <c r="C20" s="456">
        <v>5592</v>
      </c>
      <c r="D20" s="456">
        <v>75436</v>
      </c>
      <c r="E20" s="456">
        <v>3389896445</v>
      </c>
      <c r="F20" s="456">
        <v>231100</v>
      </c>
      <c r="G20" s="456">
        <v>353650</v>
      </c>
      <c r="H20" s="456">
        <v>3602620186</v>
      </c>
      <c r="I20" s="456">
        <v>53608</v>
      </c>
      <c r="J20" s="456">
        <v>97818</v>
      </c>
      <c r="K20" s="456">
        <v>675069080</v>
      </c>
      <c r="L20" s="456">
        <v>290300</v>
      </c>
      <c r="M20" s="456">
        <v>526904</v>
      </c>
      <c r="N20" s="457">
        <v>7667585711</v>
      </c>
      <c r="O20" s="518">
        <v>14</v>
      </c>
      <c r="P20" s="1152" t="s">
        <v>464</v>
      </c>
      <c r="Q20" s="456">
        <v>175638</v>
      </c>
      <c r="R20" s="456">
        <v>204896</v>
      </c>
      <c r="S20" s="456">
        <v>2017417531</v>
      </c>
      <c r="T20" s="456">
        <v>5323</v>
      </c>
      <c r="U20" s="456">
        <v>175318</v>
      </c>
      <c r="V20" s="456">
        <v>126288479</v>
      </c>
      <c r="W20" s="456">
        <v>596</v>
      </c>
      <c r="X20" s="456">
        <v>4235</v>
      </c>
      <c r="Y20" s="456">
        <v>53011030</v>
      </c>
      <c r="Z20" s="456">
        <v>466534</v>
      </c>
      <c r="AA20" s="457">
        <v>9864302751</v>
      </c>
      <c r="AB20" s="518">
        <v>14</v>
      </c>
      <c r="AC20" s="1152" t="s">
        <v>464</v>
      </c>
      <c r="AD20" s="1147">
        <v>7</v>
      </c>
      <c r="AE20" s="1147">
        <v>11593</v>
      </c>
      <c r="AF20" s="1147">
        <v>111358887</v>
      </c>
      <c r="AG20" s="1147">
        <v>5</v>
      </c>
      <c r="AH20" s="1147">
        <v>64874</v>
      </c>
      <c r="AI20" s="1147">
        <v>0</v>
      </c>
      <c r="AJ20" s="1147">
        <v>0</v>
      </c>
      <c r="AK20" s="1146">
        <v>478134</v>
      </c>
      <c r="AL20" s="1145">
        <v>9975661638</v>
      </c>
      <c r="AM20" s="1166">
        <v>7492942666</v>
      </c>
      <c r="AN20" s="1147">
        <v>2378326506</v>
      </c>
      <c r="AO20" s="1147">
        <v>104392466</v>
      </c>
      <c r="AP20" s="1146">
        <v>22439</v>
      </c>
      <c r="AQ20" s="1165">
        <v>994220297</v>
      </c>
    </row>
    <row r="21" spans="1:43" s="613" customFormat="1" ht="12.75" customHeight="1" x14ac:dyDescent="0.15">
      <c r="A21" s="518">
        <v>15</v>
      </c>
      <c r="B21" s="1152" t="s">
        <v>463</v>
      </c>
      <c r="C21" s="456">
        <v>2629</v>
      </c>
      <c r="D21" s="456">
        <v>40372</v>
      </c>
      <c r="E21" s="456">
        <v>1683557061</v>
      </c>
      <c r="F21" s="456">
        <v>104546</v>
      </c>
      <c r="G21" s="456">
        <v>155644</v>
      </c>
      <c r="H21" s="456">
        <v>1855528861</v>
      </c>
      <c r="I21" s="456">
        <v>25610</v>
      </c>
      <c r="J21" s="456">
        <v>47482</v>
      </c>
      <c r="K21" s="456">
        <v>336840450</v>
      </c>
      <c r="L21" s="456">
        <v>132785</v>
      </c>
      <c r="M21" s="456">
        <v>243498</v>
      </c>
      <c r="N21" s="457">
        <v>3875926372</v>
      </c>
      <c r="O21" s="532">
        <v>15</v>
      </c>
      <c r="P21" s="1152" t="s">
        <v>463</v>
      </c>
      <c r="Q21" s="456">
        <v>74315</v>
      </c>
      <c r="R21" s="456">
        <v>84064</v>
      </c>
      <c r="S21" s="456">
        <v>914318282</v>
      </c>
      <c r="T21" s="456">
        <v>2548</v>
      </c>
      <c r="U21" s="456">
        <v>106583</v>
      </c>
      <c r="V21" s="456">
        <v>71998930</v>
      </c>
      <c r="W21" s="456">
        <v>337</v>
      </c>
      <c r="X21" s="456">
        <v>3005</v>
      </c>
      <c r="Y21" s="456">
        <v>35104620</v>
      </c>
      <c r="Z21" s="456">
        <v>207437</v>
      </c>
      <c r="AA21" s="457">
        <v>4897348204</v>
      </c>
      <c r="AB21" s="532">
        <v>15</v>
      </c>
      <c r="AC21" s="1152" t="s">
        <v>463</v>
      </c>
      <c r="AD21" s="1147">
        <v>3</v>
      </c>
      <c r="AE21" s="1147">
        <v>4534</v>
      </c>
      <c r="AF21" s="1147">
        <v>52459601</v>
      </c>
      <c r="AG21" s="1147">
        <v>0</v>
      </c>
      <c r="AH21" s="1147">
        <v>0</v>
      </c>
      <c r="AI21" s="1147">
        <v>0</v>
      </c>
      <c r="AJ21" s="1147">
        <v>0</v>
      </c>
      <c r="AK21" s="1146">
        <v>211974</v>
      </c>
      <c r="AL21" s="1145">
        <v>4949807805</v>
      </c>
      <c r="AM21" s="1166">
        <v>3720910542</v>
      </c>
      <c r="AN21" s="1147">
        <v>1178364232</v>
      </c>
      <c r="AO21" s="1147">
        <v>50533031</v>
      </c>
      <c r="AP21" s="1146">
        <v>10313</v>
      </c>
      <c r="AQ21" s="1165">
        <v>513652996</v>
      </c>
    </row>
    <row r="22" spans="1:43" s="613" customFormat="1" ht="12.75" customHeight="1" x14ac:dyDescent="0.15">
      <c r="A22" s="518">
        <v>16</v>
      </c>
      <c r="B22" s="1152" t="s">
        <v>462</v>
      </c>
      <c r="C22" s="456">
        <v>3222</v>
      </c>
      <c r="D22" s="456">
        <v>41942</v>
      </c>
      <c r="E22" s="456">
        <v>1971841735</v>
      </c>
      <c r="F22" s="456">
        <v>134927</v>
      </c>
      <c r="G22" s="456">
        <v>193829</v>
      </c>
      <c r="H22" s="456">
        <v>2523996247</v>
      </c>
      <c r="I22" s="456">
        <v>32322</v>
      </c>
      <c r="J22" s="456">
        <v>56525</v>
      </c>
      <c r="K22" s="456">
        <v>404052080</v>
      </c>
      <c r="L22" s="456">
        <v>170471</v>
      </c>
      <c r="M22" s="456">
        <v>292296</v>
      </c>
      <c r="N22" s="457">
        <v>4899890062</v>
      </c>
      <c r="O22" s="532">
        <v>16</v>
      </c>
      <c r="P22" s="1173" t="s">
        <v>462</v>
      </c>
      <c r="Q22" s="456">
        <v>69472</v>
      </c>
      <c r="R22" s="456">
        <v>82594</v>
      </c>
      <c r="S22" s="456">
        <v>829368680</v>
      </c>
      <c r="T22" s="456">
        <v>3091</v>
      </c>
      <c r="U22" s="456">
        <v>104787</v>
      </c>
      <c r="V22" s="456">
        <v>69525445</v>
      </c>
      <c r="W22" s="456">
        <v>319</v>
      </c>
      <c r="X22" s="456">
        <v>1861</v>
      </c>
      <c r="Y22" s="456">
        <v>22129470</v>
      </c>
      <c r="Z22" s="456">
        <v>240262</v>
      </c>
      <c r="AA22" s="457">
        <v>5820913657</v>
      </c>
      <c r="AB22" s="532">
        <v>16</v>
      </c>
      <c r="AC22" s="1152" t="s">
        <v>462</v>
      </c>
      <c r="AD22" s="1147">
        <v>20</v>
      </c>
      <c r="AE22" s="1147">
        <v>5440</v>
      </c>
      <c r="AF22" s="1147">
        <v>53201901</v>
      </c>
      <c r="AG22" s="1147">
        <v>0</v>
      </c>
      <c r="AH22" s="1147">
        <v>0</v>
      </c>
      <c r="AI22" s="1147">
        <v>0</v>
      </c>
      <c r="AJ22" s="1147">
        <v>0</v>
      </c>
      <c r="AK22" s="1146">
        <v>245722</v>
      </c>
      <c r="AL22" s="1145">
        <v>5874115558</v>
      </c>
      <c r="AM22" s="1166">
        <v>4414262946</v>
      </c>
      <c r="AN22" s="1147">
        <v>1379013880</v>
      </c>
      <c r="AO22" s="1147">
        <v>80838732</v>
      </c>
      <c r="AP22" s="1146">
        <v>12782</v>
      </c>
      <c r="AQ22" s="1165">
        <v>584443865</v>
      </c>
    </row>
    <row r="23" spans="1:43" s="613" customFormat="1" ht="12.75" customHeight="1" x14ac:dyDescent="0.15">
      <c r="A23" s="532">
        <v>17</v>
      </c>
      <c r="B23" s="1173" t="s">
        <v>461</v>
      </c>
      <c r="C23" s="456">
        <v>3504</v>
      </c>
      <c r="D23" s="456">
        <v>49117</v>
      </c>
      <c r="E23" s="456">
        <v>2104206118</v>
      </c>
      <c r="F23" s="456">
        <v>137766</v>
      </c>
      <c r="G23" s="456">
        <v>215437</v>
      </c>
      <c r="H23" s="456">
        <v>2340995272</v>
      </c>
      <c r="I23" s="456">
        <v>33058</v>
      </c>
      <c r="J23" s="456">
        <v>58580</v>
      </c>
      <c r="K23" s="456">
        <v>419528180</v>
      </c>
      <c r="L23" s="456">
        <v>174328</v>
      </c>
      <c r="M23" s="456">
        <v>323134</v>
      </c>
      <c r="N23" s="457">
        <v>4864729570</v>
      </c>
      <c r="O23" s="532">
        <v>17</v>
      </c>
      <c r="P23" s="1167" t="s">
        <v>461</v>
      </c>
      <c r="Q23" s="456">
        <v>92597</v>
      </c>
      <c r="R23" s="456">
        <v>109167</v>
      </c>
      <c r="S23" s="456">
        <v>1027846830</v>
      </c>
      <c r="T23" s="456">
        <v>3357</v>
      </c>
      <c r="U23" s="456">
        <v>124256</v>
      </c>
      <c r="V23" s="456">
        <v>83788520</v>
      </c>
      <c r="W23" s="456">
        <v>468</v>
      </c>
      <c r="X23" s="456">
        <v>3424</v>
      </c>
      <c r="Y23" s="456">
        <v>41129380</v>
      </c>
      <c r="Z23" s="456">
        <v>267393</v>
      </c>
      <c r="AA23" s="457">
        <v>6017494300</v>
      </c>
      <c r="AB23" s="532">
        <v>17</v>
      </c>
      <c r="AC23" s="1152" t="s">
        <v>461</v>
      </c>
      <c r="AD23" s="1147">
        <v>6</v>
      </c>
      <c r="AE23" s="1147">
        <v>5433</v>
      </c>
      <c r="AF23" s="1147">
        <v>56397963</v>
      </c>
      <c r="AG23" s="1147">
        <v>14</v>
      </c>
      <c r="AH23" s="1147">
        <v>392780</v>
      </c>
      <c r="AI23" s="1147">
        <v>0</v>
      </c>
      <c r="AJ23" s="1147">
        <v>0</v>
      </c>
      <c r="AK23" s="1146">
        <v>272832</v>
      </c>
      <c r="AL23" s="1145">
        <v>6073892263</v>
      </c>
      <c r="AM23" s="1166">
        <v>4568584973</v>
      </c>
      <c r="AN23" s="1147">
        <v>1415658118</v>
      </c>
      <c r="AO23" s="1147">
        <v>89649172</v>
      </c>
      <c r="AP23" s="1146">
        <v>14158</v>
      </c>
      <c r="AQ23" s="1165">
        <v>610827606</v>
      </c>
    </row>
    <row r="24" spans="1:43" s="613" customFormat="1" ht="12.75" customHeight="1" x14ac:dyDescent="0.15">
      <c r="A24" s="532">
        <v>18</v>
      </c>
      <c r="B24" s="1167" t="s">
        <v>460</v>
      </c>
      <c r="C24" s="456">
        <v>1253</v>
      </c>
      <c r="D24" s="456">
        <v>18991</v>
      </c>
      <c r="E24" s="456">
        <v>814718890</v>
      </c>
      <c r="F24" s="456">
        <v>52056</v>
      </c>
      <c r="G24" s="456">
        <v>77345</v>
      </c>
      <c r="H24" s="456">
        <v>756244050</v>
      </c>
      <c r="I24" s="456">
        <v>11955</v>
      </c>
      <c r="J24" s="456">
        <v>22250</v>
      </c>
      <c r="K24" s="456">
        <v>153560050</v>
      </c>
      <c r="L24" s="456">
        <v>65264</v>
      </c>
      <c r="M24" s="456">
        <v>118586</v>
      </c>
      <c r="N24" s="457">
        <v>1724522990</v>
      </c>
      <c r="O24" s="532">
        <v>18</v>
      </c>
      <c r="P24" s="1167" t="s">
        <v>460</v>
      </c>
      <c r="Q24" s="456">
        <v>37511</v>
      </c>
      <c r="R24" s="456">
        <v>44262</v>
      </c>
      <c r="S24" s="456">
        <v>452832240</v>
      </c>
      <c r="T24" s="456">
        <v>1196</v>
      </c>
      <c r="U24" s="456">
        <v>49338</v>
      </c>
      <c r="V24" s="456">
        <v>32774679</v>
      </c>
      <c r="W24" s="456">
        <v>108</v>
      </c>
      <c r="X24" s="456">
        <v>709</v>
      </c>
      <c r="Y24" s="456">
        <v>7986650</v>
      </c>
      <c r="Z24" s="456">
        <v>102883</v>
      </c>
      <c r="AA24" s="457">
        <v>2218116559</v>
      </c>
      <c r="AB24" s="532">
        <v>18</v>
      </c>
      <c r="AC24" s="1152" t="s">
        <v>460</v>
      </c>
      <c r="AD24" s="1147">
        <v>0</v>
      </c>
      <c r="AE24" s="1147">
        <v>1688</v>
      </c>
      <c r="AF24" s="1147">
        <v>20399244</v>
      </c>
      <c r="AG24" s="1147">
        <v>1</v>
      </c>
      <c r="AH24" s="1147">
        <v>1981</v>
      </c>
      <c r="AI24" s="1147">
        <v>0</v>
      </c>
      <c r="AJ24" s="1147">
        <v>0</v>
      </c>
      <c r="AK24" s="1146">
        <v>104571</v>
      </c>
      <c r="AL24" s="1145">
        <v>2238515803</v>
      </c>
      <c r="AM24" s="1166">
        <v>1683057389</v>
      </c>
      <c r="AN24" s="1147">
        <v>526203649</v>
      </c>
      <c r="AO24" s="1147">
        <v>29254765</v>
      </c>
      <c r="AP24" s="1146">
        <v>5502</v>
      </c>
      <c r="AQ24" s="1165">
        <v>227760855</v>
      </c>
    </row>
    <row r="25" spans="1:43" s="613" customFormat="1" ht="12.75" customHeight="1" x14ac:dyDescent="0.15">
      <c r="A25" s="532">
        <v>19</v>
      </c>
      <c r="B25" s="1167" t="s">
        <v>459</v>
      </c>
      <c r="C25" s="456">
        <v>915</v>
      </c>
      <c r="D25" s="456">
        <v>11704</v>
      </c>
      <c r="E25" s="456">
        <v>570996730</v>
      </c>
      <c r="F25" s="456">
        <v>40938</v>
      </c>
      <c r="G25" s="456">
        <v>60609</v>
      </c>
      <c r="H25" s="456">
        <v>637858610</v>
      </c>
      <c r="I25" s="456">
        <v>8776</v>
      </c>
      <c r="J25" s="456">
        <v>16088</v>
      </c>
      <c r="K25" s="456">
        <v>117364590</v>
      </c>
      <c r="L25" s="456">
        <v>50629</v>
      </c>
      <c r="M25" s="456">
        <v>88401</v>
      </c>
      <c r="N25" s="457">
        <v>1326219930</v>
      </c>
      <c r="O25" s="532">
        <v>19</v>
      </c>
      <c r="P25" s="1167" t="s">
        <v>459</v>
      </c>
      <c r="Q25" s="456">
        <v>27839</v>
      </c>
      <c r="R25" s="456">
        <v>32138</v>
      </c>
      <c r="S25" s="456">
        <v>321640550</v>
      </c>
      <c r="T25" s="456">
        <v>878</v>
      </c>
      <c r="U25" s="456">
        <v>29472</v>
      </c>
      <c r="V25" s="456">
        <v>19869337</v>
      </c>
      <c r="W25" s="456">
        <v>142</v>
      </c>
      <c r="X25" s="456">
        <v>822</v>
      </c>
      <c r="Y25" s="456">
        <v>9063700</v>
      </c>
      <c r="Z25" s="456">
        <v>78610</v>
      </c>
      <c r="AA25" s="457">
        <v>1676793517</v>
      </c>
      <c r="AB25" s="532">
        <v>19</v>
      </c>
      <c r="AC25" s="1167" t="s">
        <v>459</v>
      </c>
      <c r="AD25" s="1170">
        <v>0</v>
      </c>
      <c r="AE25" s="1170">
        <v>1173</v>
      </c>
      <c r="AF25" s="1170">
        <v>14467195</v>
      </c>
      <c r="AG25" s="1170">
        <v>1</v>
      </c>
      <c r="AH25" s="1170">
        <v>24689</v>
      </c>
      <c r="AI25" s="1170">
        <v>0</v>
      </c>
      <c r="AJ25" s="1170">
        <v>0</v>
      </c>
      <c r="AK25" s="1169">
        <v>79783</v>
      </c>
      <c r="AL25" s="1172">
        <v>1691260712</v>
      </c>
      <c r="AM25" s="1171">
        <v>1280838379</v>
      </c>
      <c r="AN25" s="1170">
        <v>394596179</v>
      </c>
      <c r="AO25" s="1170">
        <v>15826154</v>
      </c>
      <c r="AP25" s="1169">
        <v>4227</v>
      </c>
      <c r="AQ25" s="1168">
        <v>163041358</v>
      </c>
    </row>
    <row r="26" spans="1:43" s="613" customFormat="1" ht="12.75" customHeight="1" x14ac:dyDescent="0.15">
      <c r="A26" s="532">
        <v>20</v>
      </c>
      <c r="B26" s="1167" t="s">
        <v>458</v>
      </c>
      <c r="C26" s="456">
        <v>1449</v>
      </c>
      <c r="D26" s="456">
        <v>19304</v>
      </c>
      <c r="E26" s="456">
        <v>874490409</v>
      </c>
      <c r="F26" s="456">
        <v>53910</v>
      </c>
      <c r="G26" s="456">
        <v>81546</v>
      </c>
      <c r="H26" s="456">
        <v>875243720</v>
      </c>
      <c r="I26" s="456">
        <v>13368</v>
      </c>
      <c r="J26" s="456">
        <v>21554</v>
      </c>
      <c r="K26" s="456">
        <v>151444470</v>
      </c>
      <c r="L26" s="456">
        <v>68727</v>
      </c>
      <c r="M26" s="456">
        <v>122404</v>
      </c>
      <c r="N26" s="457">
        <v>1901178599</v>
      </c>
      <c r="O26" s="532">
        <v>20</v>
      </c>
      <c r="P26" s="1167" t="s">
        <v>458</v>
      </c>
      <c r="Q26" s="456">
        <v>37382</v>
      </c>
      <c r="R26" s="456">
        <v>44556</v>
      </c>
      <c r="S26" s="456">
        <v>468631737</v>
      </c>
      <c r="T26" s="456">
        <v>1368</v>
      </c>
      <c r="U26" s="456">
        <v>48661</v>
      </c>
      <c r="V26" s="456">
        <v>32704625</v>
      </c>
      <c r="W26" s="456">
        <v>151</v>
      </c>
      <c r="X26" s="456">
        <v>924</v>
      </c>
      <c r="Y26" s="456">
        <v>9664130</v>
      </c>
      <c r="Z26" s="456">
        <v>106260</v>
      </c>
      <c r="AA26" s="457">
        <v>2412179091</v>
      </c>
      <c r="AB26" s="532">
        <v>20</v>
      </c>
      <c r="AC26" s="1167" t="s">
        <v>458</v>
      </c>
      <c r="AD26" s="1170">
        <v>80</v>
      </c>
      <c r="AE26" s="1170">
        <v>2220</v>
      </c>
      <c r="AF26" s="1170">
        <v>27778037</v>
      </c>
      <c r="AG26" s="1170">
        <v>0</v>
      </c>
      <c r="AH26" s="1170">
        <v>0</v>
      </c>
      <c r="AI26" s="1170">
        <v>0</v>
      </c>
      <c r="AJ26" s="1170">
        <v>0</v>
      </c>
      <c r="AK26" s="1169">
        <v>108560</v>
      </c>
      <c r="AL26" s="1172">
        <v>2439957128</v>
      </c>
      <c r="AM26" s="1171">
        <v>1831182116</v>
      </c>
      <c r="AN26" s="1170">
        <v>581922675</v>
      </c>
      <c r="AO26" s="1170">
        <v>26852337</v>
      </c>
      <c r="AP26" s="1169">
        <v>6431</v>
      </c>
      <c r="AQ26" s="1168">
        <v>240677220</v>
      </c>
    </row>
    <row r="27" spans="1:43" s="613" customFormat="1" ht="12.75" customHeight="1" x14ac:dyDescent="0.15">
      <c r="A27" s="532">
        <v>21</v>
      </c>
      <c r="B27" s="1167" t="s">
        <v>457</v>
      </c>
      <c r="C27" s="456">
        <v>2424</v>
      </c>
      <c r="D27" s="456">
        <v>33825</v>
      </c>
      <c r="E27" s="456">
        <v>1531036201</v>
      </c>
      <c r="F27" s="456">
        <v>90247</v>
      </c>
      <c r="G27" s="456">
        <v>136851</v>
      </c>
      <c r="H27" s="456">
        <v>1615674420</v>
      </c>
      <c r="I27" s="456">
        <v>23182</v>
      </c>
      <c r="J27" s="456">
        <v>40491</v>
      </c>
      <c r="K27" s="456">
        <v>299187150</v>
      </c>
      <c r="L27" s="456">
        <v>115853</v>
      </c>
      <c r="M27" s="456">
        <v>211167</v>
      </c>
      <c r="N27" s="457">
        <v>3445897771</v>
      </c>
      <c r="O27" s="532">
        <v>21</v>
      </c>
      <c r="P27" s="1167" t="s">
        <v>457</v>
      </c>
      <c r="Q27" s="456">
        <v>59708</v>
      </c>
      <c r="R27" s="456">
        <v>70373</v>
      </c>
      <c r="S27" s="456">
        <v>766664180</v>
      </c>
      <c r="T27" s="456">
        <v>2322</v>
      </c>
      <c r="U27" s="456">
        <v>83617</v>
      </c>
      <c r="V27" s="456">
        <v>55781571</v>
      </c>
      <c r="W27" s="456">
        <v>239</v>
      </c>
      <c r="X27" s="456">
        <v>1482</v>
      </c>
      <c r="Y27" s="456">
        <v>15433550</v>
      </c>
      <c r="Z27" s="456">
        <v>175800</v>
      </c>
      <c r="AA27" s="457">
        <v>4283777072</v>
      </c>
      <c r="AB27" s="532">
        <v>21</v>
      </c>
      <c r="AC27" s="1167" t="s">
        <v>457</v>
      </c>
      <c r="AD27" s="1170">
        <v>0</v>
      </c>
      <c r="AE27" s="1170">
        <v>4506</v>
      </c>
      <c r="AF27" s="1170">
        <v>51266000</v>
      </c>
      <c r="AG27" s="1170">
        <v>0</v>
      </c>
      <c r="AH27" s="1170">
        <v>0</v>
      </c>
      <c r="AI27" s="1170">
        <v>0</v>
      </c>
      <c r="AJ27" s="1170">
        <v>0</v>
      </c>
      <c r="AK27" s="1169">
        <v>180306</v>
      </c>
      <c r="AL27" s="1172">
        <v>4335043072</v>
      </c>
      <c r="AM27" s="1171">
        <v>3272287879</v>
      </c>
      <c r="AN27" s="1170">
        <v>1013934701</v>
      </c>
      <c r="AO27" s="1170">
        <v>48820492</v>
      </c>
      <c r="AP27" s="1169">
        <v>11128</v>
      </c>
      <c r="AQ27" s="1168">
        <v>437177311</v>
      </c>
    </row>
    <row r="28" spans="1:43" s="613" customFormat="1" ht="12.75" customHeight="1" x14ac:dyDescent="0.15">
      <c r="A28" s="532">
        <v>22</v>
      </c>
      <c r="B28" s="1167" t="s">
        <v>456</v>
      </c>
      <c r="C28" s="456">
        <v>1048</v>
      </c>
      <c r="D28" s="456">
        <v>14262</v>
      </c>
      <c r="E28" s="456">
        <v>645345910</v>
      </c>
      <c r="F28" s="456">
        <v>46152</v>
      </c>
      <c r="G28" s="456">
        <v>64977</v>
      </c>
      <c r="H28" s="456">
        <v>708702908</v>
      </c>
      <c r="I28" s="456">
        <v>10546</v>
      </c>
      <c r="J28" s="456">
        <v>18086</v>
      </c>
      <c r="K28" s="456">
        <v>131209470</v>
      </c>
      <c r="L28" s="456">
        <v>57746</v>
      </c>
      <c r="M28" s="456">
        <v>97325</v>
      </c>
      <c r="N28" s="457">
        <v>1485258288</v>
      </c>
      <c r="O28" s="532">
        <v>22</v>
      </c>
      <c r="P28" s="1167" t="s">
        <v>456</v>
      </c>
      <c r="Q28" s="456">
        <v>35751</v>
      </c>
      <c r="R28" s="456">
        <v>41144</v>
      </c>
      <c r="S28" s="456">
        <v>445627290</v>
      </c>
      <c r="T28" s="456">
        <v>1010</v>
      </c>
      <c r="U28" s="456">
        <v>36050</v>
      </c>
      <c r="V28" s="456">
        <v>24338954</v>
      </c>
      <c r="W28" s="456">
        <v>191</v>
      </c>
      <c r="X28" s="456">
        <v>1353</v>
      </c>
      <c r="Y28" s="456">
        <v>15086430</v>
      </c>
      <c r="Z28" s="456">
        <v>93688</v>
      </c>
      <c r="AA28" s="457">
        <v>1970310962</v>
      </c>
      <c r="AB28" s="532">
        <v>22</v>
      </c>
      <c r="AC28" s="1167" t="s">
        <v>456</v>
      </c>
      <c r="AD28" s="1170">
        <v>67</v>
      </c>
      <c r="AE28" s="1170">
        <v>1369</v>
      </c>
      <c r="AF28" s="1170">
        <v>15455054</v>
      </c>
      <c r="AG28" s="1170">
        <v>0</v>
      </c>
      <c r="AH28" s="1170">
        <v>0</v>
      </c>
      <c r="AI28" s="1170">
        <v>0</v>
      </c>
      <c r="AJ28" s="1170">
        <v>0</v>
      </c>
      <c r="AK28" s="1169">
        <v>95124</v>
      </c>
      <c r="AL28" s="1172">
        <v>1985766016</v>
      </c>
      <c r="AM28" s="1171">
        <v>1496997035</v>
      </c>
      <c r="AN28" s="1170">
        <v>458732745</v>
      </c>
      <c r="AO28" s="1170">
        <v>30036236</v>
      </c>
      <c r="AP28" s="1169">
        <v>5445</v>
      </c>
      <c r="AQ28" s="1168">
        <v>202824352</v>
      </c>
    </row>
    <row r="29" spans="1:43" s="613" customFormat="1" ht="12.75" customHeight="1" x14ac:dyDescent="0.15">
      <c r="A29" s="532">
        <v>23</v>
      </c>
      <c r="B29" s="1152" t="s">
        <v>455</v>
      </c>
      <c r="C29" s="456">
        <v>914</v>
      </c>
      <c r="D29" s="456">
        <v>13265</v>
      </c>
      <c r="E29" s="456">
        <v>573642020</v>
      </c>
      <c r="F29" s="456">
        <v>36520</v>
      </c>
      <c r="G29" s="456">
        <v>53289</v>
      </c>
      <c r="H29" s="456">
        <v>563747750</v>
      </c>
      <c r="I29" s="456">
        <v>8294</v>
      </c>
      <c r="J29" s="456">
        <v>14845</v>
      </c>
      <c r="K29" s="456">
        <v>104097440</v>
      </c>
      <c r="L29" s="456">
        <v>45728</v>
      </c>
      <c r="M29" s="456">
        <v>81399</v>
      </c>
      <c r="N29" s="457">
        <v>1241487210</v>
      </c>
      <c r="O29" s="532">
        <v>23</v>
      </c>
      <c r="P29" s="1167" t="s">
        <v>455</v>
      </c>
      <c r="Q29" s="456">
        <v>28045</v>
      </c>
      <c r="R29" s="456">
        <v>32500</v>
      </c>
      <c r="S29" s="456">
        <v>336360172</v>
      </c>
      <c r="T29" s="456">
        <v>893</v>
      </c>
      <c r="U29" s="456">
        <v>33693</v>
      </c>
      <c r="V29" s="456">
        <v>23085974</v>
      </c>
      <c r="W29" s="456">
        <v>38</v>
      </c>
      <c r="X29" s="456">
        <v>235</v>
      </c>
      <c r="Y29" s="456">
        <v>2654010</v>
      </c>
      <c r="Z29" s="456">
        <v>73811</v>
      </c>
      <c r="AA29" s="457">
        <v>1603587366</v>
      </c>
      <c r="AB29" s="532">
        <v>23</v>
      </c>
      <c r="AC29" s="1167" t="s">
        <v>455</v>
      </c>
      <c r="AD29" s="1170">
        <v>3</v>
      </c>
      <c r="AE29" s="1170">
        <v>800</v>
      </c>
      <c r="AF29" s="1170">
        <v>11416120</v>
      </c>
      <c r="AG29" s="1170">
        <v>0</v>
      </c>
      <c r="AH29" s="1170">
        <v>0</v>
      </c>
      <c r="AI29" s="1170">
        <v>0</v>
      </c>
      <c r="AJ29" s="1170">
        <v>0</v>
      </c>
      <c r="AK29" s="1169">
        <v>74614</v>
      </c>
      <c r="AL29" s="1172">
        <v>1615003486</v>
      </c>
      <c r="AM29" s="1171">
        <v>1212481403</v>
      </c>
      <c r="AN29" s="1170">
        <v>378905915</v>
      </c>
      <c r="AO29" s="1170">
        <v>23616168</v>
      </c>
      <c r="AP29" s="1169">
        <v>4323</v>
      </c>
      <c r="AQ29" s="1168">
        <v>158496464</v>
      </c>
    </row>
    <row r="30" spans="1:43" s="613" customFormat="1" ht="12.75" customHeight="1" x14ac:dyDescent="0.15">
      <c r="A30" s="518">
        <v>24</v>
      </c>
      <c r="B30" s="1152" t="s">
        <v>454</v>
      </c>
      <c r="C30" s="456">
        <v>358</v>
      </c>
      <c r="D30" s="456">
        <v>4382</v>
      </c>
      <c r="E30" s="456">
        <v>233310480</v>
      </c>
      <c r="F30" s="456">
        <v>14864</v>
      </c>
      <c r="G30" s="456">
        <v>21861</v>
      </c>
      <c r="H30" s="456">
        <v>217805150</v>
      </c>
      <c r="I30" s="456">
        <v>3251</v>
      </c>
      <c r="J30" s="456">
        <v>6408</v>
      </c>
      <c r="K30" s="456">
        <v>42174940</v>
      </c>
      <c r="L30" s="456">
        <v>18473</v>
      </c>
      <c r="M30" s="456">
        <v>32651</v>
      </c>
      <c r="N30" s="457">
        <v>493290570</v>
      </c>
      <c r="O30" s="532">
        <v>24</v>
      </c>
      <c r="P30" s="1167" t="s">
        <v>454</v>
      </c>
      <c r="Q30" s="456">
        <v>10865</v>
      </c>
      <c r="R30" s="456">
        <v>12637</v>
      </c>
      <c r="S30" s="456">
        <v>149114350</v>
      </c>
      <c r="T30" s="456">
        <v>352</v>
      </c>
      <c r="U30" s="456">
        <v>11649</v>
      </c>
      <c r="V30" s="456">
        <v>7655877</v>
      </c>
      <c r="W30" s="456">
        <v>9</v>
      </c>
      <c r="X30" s="456">
        <v>44</v>
      </c>
      <c r="Y30" s="456">
        <v>542090</v>
      </c>
      <c r="Z30" s="456">
        <v>29347</v>
      </c>
      <c r="AA30" s="457">
        <v>650602887</v>
      </c>
      <c r="AB30" s="532">
        <v>24</v>
      </c>
      <c r="AC30" s="1167" t="s">
        <v>454</v>
      </c>
      <c r="AD30" s="1170">
        <v>0</v>
      </c>
      <c r="AE30" s="1170">
        <v>346</v>
      </c>
      <c r="AF30" s="1170">
        <v>3762191</v>
      </c>
      <c r="AG30" s="1170">
        <v>0</v>
      </c>
      <c r="AH30" s="1170">
        <v>0</v>
      </c>
      <c r="AI30" s="1170">
        <v>0</v>
      </c>
      <c r="AJ30" s="1170">
        <v>0</v>
      </c>
      <c r="AK30" s="1169">
        <v>29693</v>
      </c>
      <c r="AL30" s="1172">
        <v>654365078</v>
      </c>
      <c r="AM30" s="1171">
        <v>492305552</v>
      </c>
      <c r="AN30" s="1170">
        <v>156605870</v>
      </c>
      <c r="AO30" s="1170">
        <v>5453656</v>
      </c>
      <c r="AP30" s="1169">
        <v>1497</v>
      </c>
      <c r="AQ30" s="1168">
        <v>63728941</v>
      </c>
    </row>
    <row r="31" spans="1:43" s="613" customFormat="1" ht="12.75" customHeight="1" x14ac:dyDescent="0.15">
      <c r="A31" s="518">
        <v>25</v>
      </c>
      <c r="B31" s="1152" t="s">
        <v>453</v>
      </c>
      <c r="C31" s="456">
        <v>508</v>
      </c>
      <c r="D31" s="456">
        <v>6628</v>
      </c>
      <c r="E31" s="456">
        <v>313853510</v>
      </c>
      <c r="F31" s="456">
        <v>20530</v>
      </c>
      <c r="G31" s="456">
        <v>30275</v>
      </c>
      <c r="H31" s="456">
        <v>274413070</v>
      </c>
      <c r="I31" s="456">
        <v>3879</v>
      </c>
      <c r="J31" s="456">
        <v>7480</v>
      </c>
      <c r="K31" s="456">
        <v>55584500</v>
      </c>
      <c r="L31" s="456">
        <v>24917</v>
      </c>
      <c r="M31" s="456">
        <v>44383</v>
      </c>
      <c r="N31" s="457">
        <v>643851080</v>
      </c>
      <c r="O31" s="532">
        <v>25</v>
      </c>
      <c r="P31" s="1167" t="s">
        <v>453</v>
      </c>
      <c r="Q31" s="456">
        <v>14896</v>
      </c>
      <c r="R31" s="456">
        <v>17436</v>
      </c>
      <c r="S31" s="456">
        <v>154487240</v>
      </c>
      <c r="T31" s="456">
        <v>495</v>
      </c>
      <c r="U31" s="456">
        <v>17052</v>
      </c>
      <c r="V31" s="456">
        <v>11476814</v>
      </c>
      <c r="W31" s="456">
        <v>79</v>
      </c>
      <c r="X31" s="456">
        <v>527</v>
      </c>
      <c r="Y31" s="456">
        <v>5872790</v>
      </c>
      <c r="Z31" s="456">
        <v>39892</v>
      </c>
      <c r="AA31" s="457">
        <v>815687924</v>
      </c>
      <c r="AB31" s="532">
        <v>25</v>
      </c>
      <c r="AC31" s="1167" t="s">
        <v>453</v>
      </c>
      <c r="AD31" s="1170">
        <v>2</v>
      </c>
      <c r="AE31" s="1170">
        <v>670</v>
      </c>
      <c r="AF31" s="1170">
        <v>6180760</v>
      </c>
      <c r="AG31" s="1170">
        <v>0</v>
      </c>
      <c r="AH31" s="1170">
        <v>0</v>
      </c>
      <c r="AI31" s="1170">
        <v>0</v>
      </c>
      <c r="AJ31" s="1170">
        <v>0</v>
      </c>
      <c r="AK31" s="1169">
        <v>40564</v>
      </c>
      <c r="AL31" s="1172">
        <v>821868684</v>
      </c>
      <c r="AM31" s="1171">
        <v>616416381</v>
      </c>
      <c r="AN31" s="1170">
        <v>196036653</v>
      </c>
      <c r="AO31" s="1170">
        <v>9415650</v>
      </c>
      <c r="AP31" s="1169">
        <v>3852</v>
      </c>
      <c r="AQ31" s="1168">
        <v>75521077</v>
      </c>
    </row>
    <row r="32" spans="1:43" s="613" customFormat="1" ht="12.75" customHeight="1" x14ac:dyDescent="0.15">
      <c r="A32" s="518">
        <v>26</v>
      </c>
      <c r="B32" s="1152" t="s">
        <v>452</v>
      </c>
      <c r="C32" s="456">
        <v>442</v>
      </c>
      <c r="D32" s="456">
        <v>6235</v>
      </c>
      <c r="E32" s="456">
        <v>273928290</v>
      </c>
      <c r="F32" s="456">
        <v>14201</v>
      </c>
      <c r="G32" s="456">
        <v>20345</v>
      </c>
      <c r="H32" s="456">
        <v>238918830</v>
      </c>
      <c r="I32" s="456">
        <v>3355</v>
      </c>
      <c r="J32" s="456">
        <v>6093</v>
      </c>
      <c r="K32" s="456">
        <v>46852760</v>
      </c>
      <c r="L32" s="456">
        <v>17998</v>
      </c>
      <c r="M32" s="456">
        <v>32673</v>
      </c>
      <c r="N32" s="457">
        <v>559699880</v>
      </c>
      <c r="O32" s="532">
        <v>26</v>
      </c>
      <c r="P32" s="1167" t="s">
        <v>452</v>
      </c>
      <c r="Q32" s="456">
        <v>10285</v>
      </c>
      <c r="R32" s="456">
        <v>12172</v>
      </c>
      <c r="S32" s="456">
        <v>108595220</v>
      </c>
      <c r="T32" s="456">
        <v>426</v>
      </c>
      <c r="U32" s="456">
        <v>16095</v>
      </c>
      <c r="V32" s="456">
        <v>10655165</v>
      </c>
      <c r="W32" s="456">
        <v>35</v>
      </c>
      <c r="X32" s="456">
        <v>188</v>
      </c>
      <c r="Y32" s="456">
        <v>2299950</v>
      </c>
      <c r="Z32" s="456">
        <v>28318</v>
      </c>
      <c r="AA32" s="457">
        <v>681250215</v>
      </c>
      <c r="AB32" s="518">
        <v>26</v>
      </c>
      <c r="AC32" s="1152" t="s">
        <v>452</v>
      </c>
      <c r="AD32" s="1147">
        <v>3</v>
      </c>
      <c r="AE32" s="1147">
        <v>432</v>
      </c>
      <c r="AF32" s="1147">
        <v>4280198</v>
      </c>
      <c r="AG32" s="1147">
        <v>0</v>
      </c>
      <c r="AH32" s="1147">
        <v>0</v>
      </c>
      <c r="AI32" s="1147">
        <v>0</v>
      </c>
      <c r="AJ32" s="1147">
        <v>0</v>
      </c>
      <c r="AK32" s="1146">
        <v>28753</v>
      </c>
      <c r="AL32" s="1145">
        <v>685530413</v>
      </c>
      <c r="AM32" s="1166">
        <v>516553885</v>
      </c>
      <c r="AN32" s="1147">
        <v>162341956</v>
      </c>
      <c r="AO32" s="1147">
        <v>6634572</v>
      </c>
      <c r="AP32" s="1146">
        <v>1767</v>
      </c>
      <c r="AQ32" s="1165">
        <v>76311761</v>
      </c>
    </row>
    <row r="33" spans="1:59" s="613" customFormat="1" ht="12.75" customHeight="1" x14ac:dyDescent="0.15">
      <c r="A33" s="518">
        <v>27</v>
      </c>
      <c r="B33" s="1152" t="s">
        <v>451</v>
      </c>
      <c r="C33" s="456">
        <v>581</v>
      </c>
      <c r="D33" s="456">
        <v>9872</v>
      </c>
      <c r="E33" s="456">
        <v>333937970</v>
      </c>
      <c r="F33" s="456">
        <v>17904</v>
      </c>
      <c r="G33" s="456">
        <v>26997</v>
      </c>
      <c r="H33" s="456">
        <v>276239220</v>
      </c>
      <c r="I33" s="456">
        <v>3832</v>
      </c>
      <c r="J33" s="456">
        <v>7156</v>
      </c>
      <c r="K33" s="456">
        <v>49092930</v>
      </c>
      <c r="L33" s="456">
        <v>22317</v>
      </c>
      <c r="M33" s="456">
        <v>44025</v>
      </c>
      <c r="N33" s="457">
        <v>659270120</v>
      </c>
      <c r="O33" s="532">
        <v>27</v>
      </c>
      <c r="P33" s="1152" t="s">
        <v>451</v>
      </c>
      <c r="Q33" s="456">
        <v>13692</v>
      </c>
      <c r="R33" s="456">
        <v>16772</v>
      </c>
      <c r="S33" s="456">
        <v>160871270</v>
      </c>
      <c r="T33" s="456">
        <v>551</v>
      </c>
      <c r="U33" s="456">
        <v>26217</v>
      </c>
      <c r="V33" s="456">
        <v>17364518</v>
      </c>
      <c r="W33" s="456">
        <v>64</v>
      </c>
      <c r="X33" s="456">
        <v>546</v>
      </c>
      <c r="Y33" s="456">
        <v>5537320</v>
      </c>
      <c r="Z33" s="456">
        <v>36073</v>
      </c>
      <c r="AA33" s="457">
        <v>843043228</v>
      </c>
      <c r="AB33" s="518">
        <v>27</v>
      </c>
      <c r="AC33" s="1152" t="s">
        <v>451</v>
      </c>
      <c r="AD33" s="1147">
        <v>2</v>
      </c>
      <c r="AE33" s="1147">
        <v>504</v>
      </c>
      <c r="AF33" s="1147">
        <v>6907174</v>
      </c>
      <c r="AG33" s="1147">
        <v>0</v>
      </c>
      <c r="AH33" s="1147">
        <v>0</v>
      </c>
      <c r="AI33" s="1147">
        <v>0</v>
      </c>
      <c r="AJ33" s="1147">
        <v>0</v>
      </c>
      <c r="AK33" s="1146">
        <v>36579</v>
      </c>
      <c r="AL33" s="1145">
        <v>849950402</v>
      </c>
      <c r="AM33" s="1166">
        <v>634562493</v>
      </c>
      <c r="AN33" s="1147">
        <v>202984889</v>
      </c>
      <c r="AO33" s="1147">
        <v>12403020</v>
      </c>
      <c r="AP33" s="1146">
        <v>1635</v>
      </c>
      <c r="AQ33" s="1165">
        <v>85690171</v>
      </c>
    </row>
    <row r="34" spans="1:59" s="613" customFormat="1" ht="12.75" customHeight="1" x14ac:dyDescent="0.15">
      <c r="A34" s="518">
        <v>28</v>
      </c>
      <c r="B34" s="1152" t="s">
        <v>450</v>
      </c>
      <c r="C34" s="456">
        <v>412</v>
      </c>
      <c r="D34" s="456">
        <v>5805</v>
      </c>
      <c r="E34" s="456">
        <v>238780920</v>
      </c>
      <c r="F34" s="456">
        <v>19142</v>
      </c>
      <c r="G34" s="456">
        <v>29177</v>
      </c>
      <c r="H34" s="456">
        <v>298913050</v>
      </c>
      <c r="I34" s="456">
        <v>3925</v>
      </c>
      <c r="J34" s="456">
        <v>7348</v>
      </c>
      <c r="K34" s="456">
        <v>56457580</v>
      </c>
      <c r="L34" s="456">
        <v>23479</v>
      </c>
      <c r="M34" s="456">
        <v>42330</v>
      </c>
      <c r="N34" s="457">
        <v>594151550</v>
      </c>
      <c r="O34" s="532">
        <v>28</v>
      </c>
      <c r="P34" s="1152" t="s">
        <v>450</v>
      </c>
      <c r="Q34" s="456">
        <v>14511</v>
      </c>
      <c r="R34" s="456">
        <v>17908</v>
      </c>
      <c r="S34" s="456">
        <v>185418460</v>
      </c>
      <c r="T34" s="456">
        <v>400</v>
      </c>
      <c r="U34" s="456">
        <v>15418</v>
      </c>
      <c r="V34" s="456">
        <v>10245792</v>
      </c>
      <c r="W34" s="456">
        <v>69</v>
      </c>
      <c r="X34" s="456">
        <v>417</v>
      </c>
      <c r="Y34" s="456">
        <v>4406410</v>
      </c>
      <c r="Z34" s="456">
        <v>38059</v>
      </c>
      <c r="AA34" s="457">
        <v>794222212</v>
      </c>
      <c r="AB34" s="518">
        <v>28</v>
      </c>
      <c r="AC34" s="1152" t="s">
        <v>450</v>
      </c>
      <c r="AD34" s="1147">
        <v>1</v>
      </c>
      <c r="AE34" s="1147">
        <v>488</v>
      </c>
      <c r="AF34" s="1147">
        <v>5594531</v>
      </c>
      <c r="AG34" s="1147">
        <v>0</v>
      </c>
      <c r="AH34" s="1147">
        <v>0</v>
      </c>
      <c r="AI34" s="1147">
        <v>0</v>
      </c>
      <c r="AJ34" s="1147">
        <v>0</v>
      </c>
      <c r="AK34" s="1146">
        <v>38548</v>
      </c>
      <c r="AL34" s="1145">
        <v>799816743</v>
      </c>
      <c r="AM34" s="1166">
        <v>599948030</v>
      </c>
      <c r="AN34" s="1147">
        <v>186532368</v>
      </c>
      <c r="AO34" s="1147">
        <v>13336345</v>
      </c>
      <c r="AP34" s="1146">
        <v>1590</v>
      </c>
      <c r="AQ34" s="1165">
        <v>79099934</v>
      </c>
    </row>
    <row r="35" spans="1:59" s="613" customFormat="1" ht="12.75" customHeight="1" x14ac:dyDescent="0.15">
      <c r="A35" s="518">
        <v>29</v>
      </c>
      <c r="B35" s="1152" t="s">
        <v>449</v>
      </c>
      <c r="C35" s="456">
        <v>461</v>
      </c>
      <c r="D35" s="456">
        <v>7416</v>
      </c>
      <c r="E35" s="456">
        <v>292791460</v>
      </c>
      <c r="F35" s="456">
        <v>14576</v>
      </c>
      <c r="G35" s="456">
        <v>22811</v>
      </c>
      <c r="H35" s="456">
        <v>234140680</v>
      </c>
      <c r="I35" s="456">
        <v>3113</v>
      </c>
      <c r="J35" s="456">
        <v>5548</v>
      </c>
      <c r="K35" s="456">
        <v>42097710</v>
      </c>
      <c r="L35" s="456">
        <v>18150</v>
      </c>
      <c r="M35" s="456">
        <v>35775</v>
      </c>
      <c r="N35" s="457">
        <v>569029850</v>
      </c>
      <c r="O35" s="532">
        <v>29</v>
      </c>
      <c r="P35" s="1152" t="s">
        <v>449</v>
      </c>
      <c r="Q35" s="456">
        <v>9621</v>
      </c>
      <c r="R35" s="456">
        <v>12526</v>
      </c>
      <c r="S35" s="456">
        <v>131823570</v>
      </c>
      <c r="T35" s="456">
        <v>439</v>
      </c>
      <c r="U35" s="456">
        <v>19048</v>
      </c>
      <c r="V35" s="456">
        <v>12558597</v>
      </c>
      <c r="W35" s="456">
        <v>20</v>
      </c>
      <c r="X35" s="456">
        <v>98</v>
      </c>
      <c r="Y35" s="456">
        <v>1215310</v>
      </c>
      <c r="Z35" s="456">
        <v>27791</v>
      </c>
      <c r="AA35" s="457">
        <v>714627327</v>
      </c>
      <c r="AB35" s="518">
        <v>29</v>
      </c>
      <c r="AC35" s="1152" t="s">
        <v>449</v>
      </c>
      <c r="AD35" s="1147">
        <v>0</v>
      </c>
      <c r="AE35" s="1147">
        <v>315</v>
      </c>
      <c r="AF35" s="1147">
        <v>2944090</v>
      </c>
      <c r="AG35" s="1147">
        <v>2</v>
      </c>
      <c r="AH35" s="1147">
        <v>84074</v>
      </c>
      <c r="AI35" s="1147">
        <v>0</v>
      </c>
      <c r="AJ35" s="1147">
        <v>0</v>
      </c>
      <c r="AK35" s="1146">
        <v>28106</v>
      </c>
      <c r="AL35" s="1145">
        <v>717571417</v>
      </c>
      <c r="AM35" s="1166">
        <v>544522861</v>
      </c>
      <c r="AN35" s="1147">
        <v>162859187</v>
      </c>
      <c r="AO35" s="1147">
        <v>10189369</v>
      </c>
      <c r="AP35" s="1146">
        <v>1436</v>
      </c>
      <c r="AQ35" s="1165">
        <v>68993235</v>
      </c>
    </row>
    <row r="36" spans="1:59" s="613" customFormat="1" ht="12.75" customHeight="1" x14ac:dyDescent="0.15">
      <c r="A36" s="518">
        <v>30</v>
      </c>
      <c r="B36" s="1152" t="s">
        <v>448</v>
      </c>
      <c r="C36" s="456">
        <v>344</v>
      </c>
      <c r="D36" s="456">
        <v>4790</v>
      </c>
      <c r="E36" s="456">
        <v>208260360</v>
      </c>
      <c r="F36" s="456">
        <v>11981</v>
      </c>
      <c r="G36" s="456">
        <v>16866</v>
      </c>
      <c r="H36" s="456">
        <v>226460830</v>
      </c>
      <c r="I36" s="456">
        <v>2126</v>
      </c>
      <c r="J36" s="456">
        <v>3853</v>
      </c>
      <c r="K36" s="456">
        <v>31632440</v>
      </c>
      <c r="L36" s="456">
        <v>14451</v>
      </c>
      <c r="M36" s="456">
        <v>25509</v>
      </c>
      <c r="N36" s="457">
        <v>466353630</v>
      </c>
      <c r="O36" s="518">
        <v>30</v>
      </c>
      <c r="P36" s="1152" t="s">
        <v>448</v>
      </c>
      <c r="Q36" s="456">
        <v>7629</v>
      </c>
      <c r="R36" s="456">
        <v>8636</v>
      </c>
      <c r="S36" s="456">
        <v>98920400</v>
      </c>
      <c r="T36" s="456">
        <v>332</v>
      </c>
      <c r="U36" s="456">
        <v>12548</v>
      </c>
      <c r="V36" s="456">
        <v>8325095</v>
      </c>
      <c r="W36" s="456">
        <v>54</v>
      </c>
      <c r="X36" s="456">
        <v>454</v>
      </c>
      <c r="Y36" s="456">
        <v>5907260</v>
      </c>
      <c r="Z36" s="456">
        <v>22134</v>
      </c>
      <c r="AA36" s="457">
        <v>579506385</v>
      </c>
      <c r="AB36" s="518">
        <v>30</v>
      </c>
      <c r="AC36" s="1152" t="s">
        <v>448</v>
      </c>
      <c r="AD36" s="1147">
        <v>0</v>
      </c>
      <c r="AE36" s="1147">
        <v>388</v>
      </c>
      <c r="AF36" s="1147">
        <v>4230592</v>
      </c>
      <c r="AG36" s="1147">
        <v>0</v>
      </c>
      <c r="AH36" s="1147">
        <v>0</v>
      </c>
      <c r="AI36" s="1147">
        <v>0</v>
      </c>
      <c r="AJ36" s="1147">
        <v>0</v>
      </c>
      <c r="AK36" s="1146">
        <v>22522</v>
      </c>
      <c r="AL36" s="1145">
        <v>583736977</v>
      </c>
      <c r="AM36" s="1166">
        <v>439728668</v>
      </c>
      <c r="AN36" s="1147">
        <v>136565304</v>
      </c>
      <c r="AO36" s="1147">
        <v>7443005</v>
      </c>
      <c r="AP36" s="1146">
        <v>1473</v>
      </c>
      <c r="AQ36" s="1165">
        <v>64978161</v>
      </c>
    </row>
    <row r="37" spans="1:59" s="613" customFormat="1" ht="12.75" customHeight="1" x14ac:dyDescent="0.15">
      <c r="A37" s="518">
        <v>31</v>
      </c>
      <c r="B37" s="1152" t="s">
        <v>447</v>
      </c>
      <c r="C37" s="456">
        <v>1113</v>
      </c>
      <c r="D37" s="456">
        <v>15321</v>
      </c>
      <c r="E37" s="456">
        <v>659004259</v>
      </c>
      <c r="F37" s="456">
        <v>36143</v>
      </c>
      <c r="G37" s="456">
        <v>50924</v>
      </c>
      <c r="H37" s="456">
        <v>617218737</v>
      </c>
      <c r="I37" s="456">
        <v>6923</v>
      </c>
      <c r="J37" s="456">
        <v>11947</v>
      </c>
      <c r="K37" s="456">
        <v>91860760</v>
      </c>
      <c r="L37" s="456">
        <v>44179</v>
      </c>
      <c r="M37" s="456">
        <v>78192</v>
      </c>
      <c r="N37" s="457">
        <v>1368083756</v>
      </c>
      <c r="O37" s="518">
        <v>31</v>
      </c>
      <c r="P37" s="1152" t="s">
        <v>447</v>
      </c>
      <c r="Q37" s="456">
        <v>25053</v>
      </c>
      <c r="R37" s="456">
        <v>28346</v>
      </c>
      <c r="S37" s="456">
        <v>276634510</v>
      </c>
      <c r="T37" s="456">
        <v>1063</v>
      </c>
      <c r="U37" s="456">
        <v>37704</v>
      </c>
      <c r="V37" s="456">
        <v>25160878</v>
      </c>
      <c r="W37" s="456">
        <v>48</v>
      </c>
      <c r="X37" s="456">
        <v>422</v>
      </c>
      <c r="Y37" s="456">
        <v>4693090</v>
      </c>
      <c r="Z37" s="456">
        <v>69280</v>
      </c>
      <c r="AA37" s="457">
        <v>1674572234</v>
      </c>
      <c r="AB37" s="518">
        <v>31</v>
      </c>
      <c r="AC37" s="1152" t="s">
        <v>447</v>
      </c>
      <c r="AD37" s="1147">
        <v>11</v>
      </c>
      <c r="AE37" s="1147">
        <v>1602</v>
      </c>
      <c r="AF37" s="1147">
        <v>17058243</v>
      </c>
      <c r="AG37" s="1147">
        <v>0</v>
      </c>
      <c r="AH37" s="1147">
        <v>0</v>
      </c>
      <c r="AI37" s="1147">
        <v>0</v>
      </c>
      <c r="AJ37" s="1147">
        <v>0</v>
      </c>
      <c r="AK37" s="1146">
        <v>70893</v>
      </c>
      <c r="AL37" s="1145">
        <v>1691630477</v>
      </c>
      <c r="AM37" s="1166">
        <v>1272299133</v>
      </c>
      <c r="AN37" s="1147">
        <v>403890426</v>
      </c>
      <c r="AO37" s="1147">
        <v>15440918</v>
      </c>
      <c r="AP37" s="1146">
        <v>4117</v>
      </c>
      <c r="AQ37" s="1165">
        <v>181369606</v>
      </c>
    </row>
    <row r="38" spans="1:59" s="613" customFormat="1" ht="12.75" customHeight="1" x14ac:dyDescent="0.15">
      <c r="A38" s="518">
        <v>32</v>
      </c>
      <c r="B38" s="1152" t="s">
        <v>446</v>
      </c>
      <c r="C38" s="456">
        <v>1453</v>
      </c>
      <c r="D38" s="456">
        <v>20683</v>
      </c>
      <c r="E38" s="456">
        <v>912725230</v>
      </c>
      <c r="F38" s="456">
        <v>53386</v>
      </c>
      <c r="G38" s="456">
        <v>79226</v>
      </c>
      <c r="H38" s="456">
        <v>890289260</v>
      </c>
      <c r="I38" s="456">
        <v>9370</v>
      </c>
      <c r="J38" s="456">
        <v>18053</v>
      </c>
      <c r="K38" s="456">
        <v>125128480</v>
      </c>
      <c r="L38" s="456">
        <v>64209</v>
      </c>
      <c r="M38" s="456">
        <v>117962</v>
      </c>
      <c r="N38" s="457">
        <v>1928142970</v>
      </c>
      <c r="O38" s="518">
        <v>32</v>
      </c>
      <c r="P38" s="1152" t="s">
        <v>446</v>
      </c>
      <c r="Q38" s="456">
        <v>42402</v>
      </c>
      <c r="R38" s="456">
        <v>49761</v>
      </c>
      <c r="S38" s="456">
        <v>489709550</v>
      </c>
      <c r="T38" s="456">
        <v>1401</v>
      </c>
      <c r="U38" s="456">
        <v>51382</v>
      </c>
      <c r="V38" s="456">
        <v>34601210</v>
      </c>
      <c r="W38" s="456">
        <v>155</v>
      </c>
      <c r="X38" s="456">
        <v>1033</v>
      </c>
      <c r="Y38" s="456">
        <v>10575290</v>
      </c>
      <c r="Z38" s="456">
        <v>106766</v>
      </c>
      <c r="AA38" s="457">
        <v>2463029020</v>
      </c>
      <c r="AB38" s="518">
        <v>32</v>
      </c>
      <c r="AC38" s="1152" t="s">
        <v>446</v>
      </c>
      <c r="AD38" s="1147">
        <v>0</v>
      </c>
      <c r="AE38" s="1147">
        <v>2357</v>
      </c>
      <c r="AF38" s="1147">
        <v>26426925</v>
      </c>
      <c r="AG38" s="1147">
        <v>2</v>
      </c>
      <c r="AH38" s="1147">
        <v>29205</v>
      </c>
      <c r="AI38" s="1147">
        <v>0</v>
      </c>
      <c r="AJ38" s="1147">
        <v>0</v>
      </c>
      <c r="AK38" s="1146">
        <v>109123</v>
      </c>
      <c r="AL38" s="1145">
        <v>2489455945</v>
      </c>
      <c r="AM38" s="1166">
        <v>1863806569</v>
      </c>
      <c r="AN38" s="1147">
        <v>588235996</v>
      </c>
      <c r="AO38" s="1147">
        <v>37413380</v>
      </c>
      <c r="AP38" s="1146">
        <v>5840</v>
      </c>
      <c r="AQ38" s="1165">
        <v>265638450</v>
      </c>
    </row>
    <row r="39" spans="1:59" s="613" customFormat="1" ht="12.75" customHeight="1" thickBot="1" x14ac:dyDescent="0.2">
      <c r="A39" s="518">
        <v>33</v>
      </c>
      <c r="B39" s="1152" t="s">
        <v>445</v>
      </c>
      <c r="C39" s="1150">
        <v>116</v>
      </c>
      <c r="D39" s="1150">
        <v>1766</v>
      </c>
      <c r="E39" s="1150">
        <v>75428900</v>
      </c>
      <c r="F39" s="1150">
        <v>4373</v>
      </c>
      <c r="G39" s="1150">
        <v>6206</v>
      </c>
      <c r="H39" s="1150">
        <v>60089020</v>
      </c>
      <c r="I39" s="1150">
        <v>968</v>
      </c>
      <c r="J39" s="1150">
        <v>1734</v>
      </c>
      <c r="K39" s="1150">
        <v>11741960</v>
      </c>
      <c r="L39" s="1150">
        <v>5457</v>
      </c>
      <c r="M39" s="1150">
        <v>9706</v>
      </c>
      <c r="N39" s="1149">
        <v>147259880</v>
      </c>
      <c r="O39" s="518">
        <v>33</v>
      </c>
      <c r="P39" s="1152" t="s">
        <v>445</v>
      </c>
      <c r="Q39" s="1150">
        <v>2401</v>
      </c>
      <c r="R39" s="1150">
        <v>2767</v>
      </c>
      <c r="S39" s="1150">
        <v>31517050</v>
      </c>
      <c r="T39" s="1150">
        <v>111</v>
      </c>
      <c r="U39" s="1150">
        <v>4353</v>
      </c>
      <c r="V39" s="1150">
        <v>2943979</v>
      </c>
      <c r="W39" s="1150">
        <v>13</v>
      </c>
      <c r="X39" s="1150">
        <v>54</v>
      </c>
      <c r="Y39" s="1150">
        <v>554930</v>
      </c>
      <c r="Z39" s="1150">
        <v>7871</v>
      </c>
      <c r="AA39" s="1149">
        <v>182275839</v>
      </c>
      <c r="AB39" s="518">
        <v>33</v>
      </c>
      <c r="AC39" s="1152" t="s">
        <v>445</v>
      </c>
      <c r="AD39" s="1147">
        <v>0</v>
      </c>
      <c r="AE39" s="1147">
        <v>104</v>
      </c>
      <c r="AF39" s="1147">
        <v>1174848</v>
      </c>
      <c r="AG39" s="1147">
        <v>0</v>
      </c>
      <c r="AH39" s="1147">
        <v>0</v>
      </c>
      <c r="AI39" s="1147">
        <v>0</v>
      </c>
      <c r="AJ39" s="1147">
        <v>0</v>
      </c>
      <c r="AK39" s="1146">
        <v>7975</v>
      </c>
      <c r="AL39" s="1145">
        <v>183450687</v>
      </c>
      <c r="AM39" s="1166">
        <v>137944888</v>
      </c>
      <c r="AN39" s="1147">
        <v>42420016</v>
      </c>
      <c r="AO39" s="1147">
        <v>3085783</v>
      </c>
      <c r="AP39" s="1146">
        <v>363</v>
      </c>
      <c r="AQ39" s="1165">
        <v>16597848</v>
      </c>
    </row>
    <row r="40" spans="1:59" s="613" customFormat="1" ht="12.75" customHeight="1" thickTop="1" thickBot="1" x14ac:dyDescent="0.2">
      <c r="A40" s="1134" t="s">
        <v>316</v>
      </c>
      <c r="B40" s="1133"/>
      <c r="C40" s="1127">
        <v>223541</v>
      </c>
      <c r="D40" s="1127">
        <v>2971214</v>
      </c>
      <c r="E40" s="1127">
        <v>141187161431</v>
      </c>
      <c r="F40" s="1127">
        <v>9304449</v>
      </c>
      <c r="G40" s="1127">
        <v>14509085</v>
      </c>
      <c r="H40" s="1127">
        <v>146252010002</v>
      </c>
      <c r="I40" s="1127">
        <v>2093750</v>
      </c>
      <c r="J40" s="1127">
        <v>3740913</v>
      </c>
      <c r="K40" s="1127">
        <v>26922947445</v>
      </c>
      <c r="L40" s="1127">
        <v>11621740</v>
      </c>
      <c r="M40" s="1127">
        <v>21221212</v>
      </c>
      <c r="N40" s="1132">
        <v>314362118878</v>
      </c>
      <c r="O40" s="1134" t="s">
        <v>316</v>
      </c>
      <c r="P40" s="1133"/>
      <c r="Q40" s="1129">
        <v>6808659</v>
      </c>
      <c r="R40" s="1127">
        <v>7999177</v>
      </c>
      <c r="S40" s="1125">
        <v>80255441459</v>
      </c>
      <c r="T40" s="1135">
        <v>213110</v>
      </c>
      <c r="U40" s="1127">
        <v>7411588</v>
      </c>
      <c r="V40" s="1127">
        <v>4993262348</v>
      </c>
      <c r="W40" s="1127">
        <v>26108</v>
      </c>
      <c r="X40" s="1127">
        <v>189337</v>
      </c>
      <c r="Y40" s="1127">
        <v>2198075975</v>
      </c>
      <c r="Z40" s="1127">
        <v>18456507</v>
      </c>
      <c r="AA40" s="1132">
        <v>401808898660</v>
      </c>
      <c r="AB40" s="1134" t="s">
        <v>316</v>
      </c>
      <c r="AC40" s="1133"/>
      <c r="AD40" s="1127">
        <v>2178</v>
      </c>
      <c r="AE40" s="1127">
        <v>392056</v>
      </c>
      <c r="AF40" s="1127">
        <v>4328219913</v>
      </c>
      <c r="AG40" s="1127">
        <v>259</v>
      </c>
      <c r="AH40" s="1127">
        <v>14247916</v>
      </c>
      <c r="AI40" s="1127">
        <v>6</v>
      </c>
      <c r="AJ40" s="1127">
        <v>279990</v>
      </c>
      <c r="AK40" s="1127">
        <v>18850747</v>
      </c>
      <c r="AL40" s="1128">
        <v>406135831129</v>
      </c>
      <c r="AM40" s="1164">
        <v>305186544237</v>
      </c>
      <c r="AN40" s="1163">
        <v>95155464268</v>
      </c>
      <c r="AO40" s="1163">
        <v>5795390058</v>
      </c>
      <c r="AP40" s="1163">
        <v>1042622</v>
      </c>
      <c r="AQ40" s="1162">
        <v>40415981152</v>
      </c>
      <c r="AR40" s="1131" t="s">
        <v>316</v>
      </c>
      <c r="AS40" s="1130"/>
      <c r="AT40" s="1129">
        <v>0</v>
      </c>
      <c r="AU40" s="1127">
        <v>0</v>
      </c>
      <c r="AV40" s="1127">
        <v>0</v>
      </c>
      <c r="AW40" s="1127">
        <v>0</v>
      </c>
      <c r="AX40" s="1127">
        <v>0</v>
      </c>
      <c r="AY40" s="1128">
        <v>0</v>
      </c>
      <c r="AZ40" s="1127">
        <v>0</v>
      </c>
      <c r="BA40" s="1127">
        <v>0</v>
      </c>
      <c r="BB40" s="1126" t="e">
        <v>#REF!</v>
      </c>
      <c r="BC40" s="1125" t="e">
        <v>#REF!</v>
      </c>
      <c r="BG40" s="612" t="e">
        <v>#REF!</v>
      </c>
    </row>
    <row r="41" spans="1:59" s="613" customFormat="1" ht="12.75" customHeight="1" thickTop="1" x14ac:dyDescent="0.15">
      <c r="A41" s="518">
        <v>301</v>
      </c>
      <c r="B41" s="1152" t="s">
        <v>444</v>
      </c>
      <c r="C41" s="1161">
        <v>309</v>
      </c>
      <c r="D41" s="1161">
        <v>2776</v>
      </c>
      <c r="E41" s="1161">
        <v>207672740</v>
      </c>
      <c r="F41" s="1161">
        <v>13062</v>
      </c>
      <c r="G41" s="1161">
        <v>18996</v>
      </c>
      <c r="H41" s="1161">
        <v>248616430</v>
      </c>
      <c r="I41" s="1161">
        <v>4705</v>
      </c>
      <c r="J41" s="1161">
        <v>7583</v>
      </c>
      <c r="K41" s="1161">
        <v>52708070</v>
      </c>
      <c r="L41" s="1161">
        <v>18076</v>
      </c>
      <c r="M41" s="1161">
        <v>29355</v>
      </c>
      <c r="N41" s="1160">
        <v>508997240</v>
      </c>
      <c r="O41" s="518">
        <v>301</v>
      </c>
      <c r="P41" s="1152" t="s">
        <v>444</v>
      </c>
      <c r="Q41" s="1161">
        <v>8417</v>
      </c>
      <c r="R41" s="1161">
        <v>10085</v>
      </c>
      <c r="S41" s="1161">
        <v>175635160</v>
      </c>
      <c r="T41" s="1161">
        <v>298</v>
      </c>
      <c r="U41" s="1161">
        <v>6232</v>
      </c>
      <c r="V41" s="1161">
        <v>4169531</v>
      </c>
      <c r="W41" s="1161">
        <v>31</v>
      </c>
      <c r="X41" s="1161">
        <v>338</v>
      </c>
      <c r="Y41" s="1161">
        <v>6076920</v>
      </c>
      <c r="Z41" s="1161">
        <v>26524</v>
      </c>
      <c r="AA41" s="1160">
        <v>694878851</v>
      </c>
      <c r="AB41" s="518">
        <v>301</v>
      </c>
      <c r="AC41" s="1152" t="s">
        <v>444</v>
      </c>
      <c r="AD41" s="1147">
        <v>0</v>
      </c>
      <c r="AE41" s="1147">
        <v>394</v>
      </c>
      <c r="AF41" s="1147">
        <v>3618489</v>
      </c>
      <c r="AG41" s="1147">
        <v>0</v>
      </c>
      <c r="AH41" s="1147">
        <v>0</v>
      </c>
      <c r="AI41" s="1147">
        <v>0</v>
      </c>
      <c r="AJ41" s="1147">
        <v>0</v>
      </c>
      <c r="AK41" s="1146">
        <v>26918</v>
      </c>
      <c r="AL41" s="1145">
        <v>698497340</v>
      </c>
      <c r="AM41" s="1159">
        <v>498135521</v>
      </c>
      <c r="AN41" s="1158">
        <v>192948347</v>
      </c>
      <c r="AO41" s="1158">
        <v>7413472</v>
      </c>
      <c r="AP41" s="1157">
        <v>440</v>
      </c>
      <c r="AQ41" s="1156">
        <v>36768204</v>
      </c>
      <c r="AR41" s="637">
        <v>301</v>
      </c>
      <c r="AS41" s="1151" t="s">
        <v>443</v>
      </c>
      <c r="AT41" s="1140"/>
      <c r="AU41" s="1138"/>
      <c r="AV41" s="1138"/>
      <c r="AW41" s="1138"/>
      <c r="AX41" s="1138"/>
      <c r="AY41" s="1139"/>
      <c r="AZ41" s="1138"/>
      <c r="BA41" s="1138"/>
      <c r="BB41" s="1137"/>
      <c r="BC41" s="1136"/>
      <c r="BG41" s="612" t="e">
        <v>#REF!</v>
      </c>
    </row>
    <row r="42" spans="1:59" s="613" customFormat="1" ht="12.75" customHeight="1" x14ac:dyDescent="0.15">
      <c r="A42" s="518">
        <v>302</v>
      </c>
      <c r="B42" s="1152" t="s">
        <v>442</v>
      </c>
      <c r="C42" s="456">
        <v>303</v>
      </c>
      <c r="D42" s="456">
        <v>2617</v>
      </c>
      <c r="E42" s="456">
        <v>187099880</v>
      </c>
      <c r="F42" s="456">
        <v>14803</v>
      </c>
      <c r="G42" s="456">
        <v>21191</v>
      </c>
      <c r="H42" s="456">
        <v>279571210</v>
      </c>
      <c r="I42" s="456">
        <v>1084</v>
      </c>
      <c r="J42" s="456">
        <v>1661</v>
      </c>
      <c r="K42" s="456">
        <v>13182530</v>
      </c>
      <c r="L42" s="456">
        <v>16190</v>
      </c>
      <c r="M42" s="456">
        <v>25469</v>
      </c>
      <c r="N42" s="457">
        <v>479853620</v>
      </c>
      <c r="O42" s="518">
        <v>302</v>
      </c>
      <c r="P42" s="1152" t="s">
        <v>442</v>
      </c>
      <c r="Q42" s="456">
        <v>10140</v>
      </c>
      <c r="R42" s="456">
        <v>11552</v>
      </c>
      <c r="S42" s="456">
        <v>142155160</v>
      </c>
      <c r="T42" s="456">
        <v>282</v>
      </c>
      <c r="U42" s="456">
        <v>5881</v>
      </c>
      <c r="V42" s="456">
        <v>4009165</v>
      </c>
      <c r="W42" s="456">
        <v>51</v>
      </c>
      <c r="X42" s="456">
        <v>307</v>
      </c>
      <c r="Y42" s="456">
        <v>3169170</v>
      </c>
      <c r="Z42" s="456">
        <v>26381</v>
      </c>
      <c r="AA42" s="457">
        <v>629187115</v>
      </c>
      <c r="AB42" s="518">
        <v>302</v>
      </c>
      <c r="AC42" s="1152" t="s">
        <v>442</v>
      </c>
      <c r="AD42" s="1147">
        <v>0</v>
      </c>
      <c r="AE42" s="1147">
        <v>291</v>
      </c>
      <c r="AF42" s="1147">
        <v>3101622</v>
      </c>
      <c r="AG42" s="1147">
        <v>0</v>
      </c>
      <c r="AH42" s="1147">
        <v>0</v>
      </c>
      <c r="AI42" s="1147">
        <v>0</v>
      </c>
      <c r="AJ42" s="1147">
        <v>0</v>
      </c>
      <c r="AK42" s="1146">
        <v>26672</v>
      </c>
      <c r="AL42" s="1145">
        <v>632288737</v>
      </c>
      <c r="AM42" s="1155">
        <v>455094897</v>
      </c>
      <c r="AN42" s="1154">
        <v>169282643</v>
      </c>
      <c r="AO42" s="1154">
        <v>7911197</v>
      </c>
      <c r="AP42" s="1154">
        <v>633</v>
      </c>
      <c r="AQ42" s="1153">
        <v>52564684</v>
      </c>
      <c r="AR42" s="637">
        <v>302</v>
      </c>
      <c r="AS42" s="1151" t="s">
        <v>441</v>
      </c>
      <c r="AT42" s="1140"/>
      <c r="AU42" s="1138"/>
      <c r="AV42" s="1138"/>
      <c r="AW42" s="1138"/>
      <c r="AX42" s="1138"/>
      <c r="AY42" s="1139"/>
      <c r="AZ42" s="1138"/>
      <c r="BA42" s="1138"/>
      <c r="BB42" s="1137"/>
      <c r="BC42" s="1136"/>
      <c r="BG42" s="612" t="e">
        <v>#REF!</v>
      </c>
    </row>
    <row r="43" spans="1:59" s="613" customFormat="1" ht="12.75" customHeight="1" x14ac:dyDescent="0.15">
      <c r="A43" s="518">
        <v>303</v>
      </c>
      <c r="B43" s="1152" t="s">
        <v>440</v>
      </c>
      <c r="C43" s="456">
        <v>681</v>
      </c>
      <c r="D43" s="456">
        <v>7342</v>
      </c>
      <c r="E43" s="456">
        <v>472038970</v>
      </c>
      <c r="F43" s="456">
        <v>31437</v>
      </c>
      <c r="G43" s="456">
        <v>47967</v>
      </c>
      <c r="H43" s="456">
        <v>542095960</v>
      </c>
      <c r="I43" s="456">
        <v>7377</v>
      </c>
      <c r="J43" s="456">
        <v>13691</v>
      </c>
      <c r="K43" s="456">
        <v>99469960</v>
      </c>
      <c r="L43" s="456">
        <v>39495</v>
      </c>
      <c r="M43" s="456">
        <v>69000</v>
      </c>
      <c r="N43" s="457">
        <v>1113604890</v>
      </c>
      <c r="O43" s="518">
        <v>303</v>
      </c>
      <c r="P43" s="1152" t="s">
        <v>440</v>
      </c>
      <c r="Q43" s="456">
        <v>22859</v>
      </c>
      <c r="R43" s="456">
        <v>26956</v>
      </c>
      <c r="S43" s="456">
        <v>280000620</v>
      </c>
      <c r="T43" s="456">
        <v>655</v>
      </c>
      <c r="U43" s="456">
        <v>16930</v>
      </c>
      <c r="V43" s="456">
        <v>11616465</v>
      </c>
      <c r="W43" s="456">
        <v>19</v>
      </c>
      <c r="X43" s="456">
        <v>132</v>
      </c>
      <c r="Y43" s="456">
        <v>1319920</v>
      </c>
      <c r="Z43" s="456">
        <v>62373</v>
      </c>
      <c r="AA43" s="457">
        <v>1406541895</v>
      </c>
      <c r="AB43" s="518">
        <v>303</v>
      </c>
      <c r="AC43" s="1152" t="s">
        <v>440</v>
      </c>
      <c r="AD43" s="1147">
        <v>0</v>
      </c>
      <c r="AE43" s="1147">
        <v>2355</v>
      </c>
      <c r="AF43" s="1147">
        <v>23551469</v>
      </c>
      <c r="AG43" s="1147">
        <v>0</v>
      </c>
      <c r="AH43" s="1147">
        <v>0</v>
      </c>
      <c r="AI43" s="1147">
        <v>0</v>
      </c>
      <c r="AJ43" s="1147">
        <v>0</v>
      </c>
      <c r="AK43" s="1146">
        <v>64728</v>
      </c>
      <c r="AL43" s="1145">
        <v>1430093364</v>
      </c>
      <c r="AM43" s="1144">
        <v>1056358230</v>
      </c>
      <c r="AN43" s="1138">
        <v>354535106</v>
      </c>
      <c r="AO43" s="1138">
        <v>19200028</v>
      </c>
      <c r="AP43" s="1138">
        <v>1898</v>
      </c>
      <c r="AQ43" s="1143">
        <v>141506629</v>
      </c>
      <c r="AR43" s="637">
        <v>303</v>
      </c>
      <c r="AS43" s="1151" t="s">
        <v>439</v>
      </c>
      <c r="AT43" s="1140"/>
      <c r="AU43" s="1138"/>
      <c r="AV43" s="1138"/>
      <c r="AW43" s="1138"/>
      <c r="AX43" s="1138"/>
      <c r="AY43" s="1139"/>
      <c r="AZ43" s="1138"/>
      <c r="BA43" s="1138"/>
      <c r="BB43" s="1137"/>
      <c r="BC43" s="1136"/>
      <c r="BG43" s="612" t="e">
        <v>#REF!</v>
      </c>
    </row>
    <row r="44" spans="1:59" s="613" customFormat="1" ht="12.75" customHeight="1" x14ac:dyDescent="0.15">
      <c r="A44" s="518">
        <v>304</v>
      </c>
      <c r="B44" s="1152" t="s">
        <v>438</v>
      </c>
      <c r="C44" s="456">
        <v>93</v>
      </c>
      <c r="D44" s="456">
        <v>844</v>
      </c>
      <c r="E44" s="456">
        <v>64260830</v>
      </c>
      <c r="F44" s="456">
        <v>4686</v>
      </c>
      <c r="G44" s="456">
        <v>6985</v>
      </c>
      <c r="H44" s="456">
        <v>63788130</v>
      </c>
      <c r="I44" s="456">
        <v>1204</v>
      </c>
      <c r="J44" s="456">
        <v>2088</v>
      </c>
      <c r="K44" s="456">
        <v>14314070</v>
      </c>
      <c r="L44" s="456">
        <v>5983</v>
      </c>
      <c r="M44" s="456">
        <v>9917</v>
      </c>
      <c r="N44" s="457">
        <v>142363030</v>
      </c>
      <c r="O44" s="518">
        <v>304</v>
      </c>
      <c r="P44" s="1152" t="s">
        <v>437</v>
      </c>
      <c r="Q44" s="456">
        <v>3582</v>
      </c>
      <c r="R44" s="456">
        <v>4320</v>
      </c>
      <c r="S44" s="456">
        <v>46769110</v>
      </c>
      <c r="T44" s="456">
        <v>89</v>
      </c>
      <c r="U44" s="456">
        <v>1908</v>
      </c>
      <c r="V44" s="456">
        <v>1320965</v>
      </c>
      <c r="W44" s="456">
        <v>1</v>
      </c>
      <c r="X44" s="456">
        <v>14</v>
      </c>
      <c r="Y44" s="456">
        <v>198540</v>
      </c>
      <c r="Z44" s="456">
        <v>9566</v>
      </c>
      <c r="AA44" s="457">
        <v>190651645</v>
      </c>
      <c r="AB44" s="518">
        <v>304</v>
      </c>
      <c r="AC44" s="1152" t="s">
        <v>437</v>
      </c>
      <c r="AD44" s="1147">
        <v>0</v>
      </c>
      <c r="AE44" s="1147">
        <v>220</v>
      </c>
      <c r="AF44" s="1147">
        <v>3311380</v>
      </c>
      <c r="AG44" s="1147">
        <v>0</v>
      </c>
      <c r="AH44" s="1147">
        <v>0</v>
      </c>
      <c r="AI44" s="1147">
        <v>0</v>
      </c>
      <c r="AJ44" s="1147">
        <v>0</v>
      </c>
      <c r="AK44" s="1146">
        <v>9786</v>
      </c>
      <c r="AL44" s="1145">
        <v>193963025</v>
      </c>
      <c r="AM44" s="1144">
        <v>137645928</v>
      </c>
      <c r="AN44" s="1138">
        <v>53256253</v>
      </c>
      <c r="AO44" s="1138">
        <v>3060844</v>
      </c>
      <c r="AP44" s="1138">
        <v>175</v>
      </c>
      <c r="AQ44" s="1143">
        <v>15135660</v>
      </c>
      <c r="AR44" s="637">
        <v>304</v>
      </c>
      <c r="AS44" s="1151" t="s">
        <v>436</v>
      </c>
      <c r="AT44" s="1140"/>
      <c r="AU44" s="1138"/>
      <c r="AV44" s="1138"/>
      <c r="AW44" s="1138"/>
      <c r="AX44" s="1138"/>
      <c r="AY44" s="1139"/>
      <c r="AZ44" s="1138"/>
      <c r="BA44" s="1138"/>
      <c r="BB44" s="1137"/>
      <c r="BC44" s="1136"/>
      <c r="BG44" s="612" t="e">
        <v>#REF!</v>
      </c>
    </row>
    <row r="45" spans="1:59" s="613" customFormat="1" ht="12.75" customHeight="1" x14ac:dyDescent="0.15">
      <c r="A45" s="518">
        <v>305</v>
      </c>
      <c r="B45" s="1152" t="s">
        <v>434</v>
      </c>
      <c r="C45" s="456">
        <v>285</v>
      </c>
      <c r="D45" s="456">
        <v>3411</v>
      </c>
      <c r="E45" s="456">
        <v>192872180</v>
      </c>
      <c r="F45" s="456">
        <v>11795</v>
      </c>
      <c r="G45" s="456">
        <v>17131</v>
      </c>
      <c r="H45" s="456">
        <v>167053121</v>
      </c>
      <c r="I45" s="456">
        <v>2327</v>
      </c>
      <c r="J45" s="456">
        <v>4385</v>
      </c>
      <c r="K45" s="456">
        <v>32255430</v>
      </c>
      <c r="L45" s="456">
        <v>14407</v>
      </c>
      <c r="M45" s="456">
        <v>24927</v>
      </c>
      <c r="N45" s="457">
        <v>392180731</v>
      </c>
      <c r="O45" s="518">
        <v>305</v>
      </c>
      <c r="P45" s="1152" t="s">
        <v>435</v>
      </c>
      <c r="Q45" s="456">
        <v>8808</v>
      </c>
      <c r="R45" s="456">
        <v>10358</v>
      </c>
      <c r="S45" s="456">
        <v>107072650</v>
      </c>
      <c r="T45" s="456">
        <v>263</v>
      </c>
      <c r="U45" s="456">
        <v>7798</v>
      </c>
      <c r="V45" s="456">
        <v>5183510</v>
      </c>
      <c r="W45" s="456">
        <v>67</v>
      </c>
      <c r="X45" s="456">
        <v>542</v>
      </c>
      <c r="Y45" s="456">
        <v>5859580</v>
      </c>
      <c r="Z45" s="456">
        <v>23282</v>
      </c>
      <c r="AA45" s="457">
        <v>510296471</v>
      </c>
      <c r="AB45" s="518">
        <v>305</v>
      </c>
      <c r="AC45" s="1152" t="s">
        <v>434</v>
      </c>
      <c r="AD45" s="1147">
        <v>0</v>
      </c>
      <c r="AE45" s="1147">
        <v>517</v>
      </c>
      <c r="AF45" s="1147">
        <v>5556447</v>
      </c>
      <c r="AG45" s="1147">
        <v>0</v>
      </c>
      <c r="AH45" s="1147">
        <v>0</v>
      </c>
      <c r="AI45" s="1147">
        <v>0</v>
      </c>
      <c r="AJ45" s="1147">
        <v>0</v>
      </c>
      <c r="AK45" s="1146">
        <v>23799</v>
      </c>
      <c r="AL45" s="1145">
        <v>515852918</v>
      </c>
      <c r="AM45" s="1144">
        <v>372105676</v>
      </c>
      <c r="AN45" s="1138">
        <v>137270562</v>
      </c>
      <c r="AO45" s="1138">
        <v>6476680</v>
      </c>
      <c r="AP45" s="1138">
        <v>384</v>
      </c>
      <c r="AQ45" s="1143">
        <v>50274491</v>
      </c>
      <c r="AR45" s="637">
        <v>305</v>
      </c>
      <c r="AS45" s="1151" t="s">
        <v>433</v>
      </c>
      <c r="AT45" s="1140"/>
      <c r="AU45" s="1138"/>
      <c r="AV45" s="1138"/>
      <c r="AW45" s="1138"/>
      <c r="AX45" s="1138"/>
      <c r="AY45" s="1139"/>
      <c r="AZ45" s="1138"/>
      <c r="BA45" s="1138"/>
      <c r="BB45" s="1137"/>
      <c r="BC45" s="1136"/>
      <c r="BG45" s="612" t="e">
        <v>#REF!</v>
      </c>
    </row>
    <row r="46" spans="1:59" s="613" customFormat="1" ht="12.75" customHeight="1" thickBot="1" x14ac:dyDescent="0.2">
      <c r="A46" s="564">
        <v>306</v>
      </c>
      <c r="B46" s="1148" t="s">
        <v>432</v>
      </c>
      <c r="C46" s="1150">
        <v>2685</v>
      </c>
      <c r="D46" s="1150">
        <v>31247</v>
      </c>
      <c r="E46" s="1150">
        <v>1697030851</v>
      </c>
      <c r="F46" s="1150">
        <v>100300</v>
      </c>
      <c r="G46" s="1150">
        <v>156900</v>
      </c>
      <c r="H46" s="1150">
        <v>1690588023</v>
      </c>
      <c r="I46" s="1150">
        <v>19800</v>
      </c>
      <c r="J46" s="1150">
        <v>37965</v>
      </c>
      <c r="K46" s="1150">
        <v>284715782</v>
      </c>
      <c r="L46" s="1150">
        <v>122785</v>
      </c>
      <c r="M46" s="1150">
        <v>226112</v>
      </c>
      <c r="N46" s="1149">
        <v>3672334656</v>
      </c>
      <c r="O46" s="564">
        <v>306</v>
      </c>
      <c r="P46" s="1148" t="s">
        <v>432</v>
      </c>
      <c r="Q46" s="1150">
        <v>72543</v>
      </c>
      <c r="R46" s="1150">
        <v>85361</v>
      </c>
      <c r="S46" s="1150">
        <v>984601355</v>
      </c>
      <c r="T46" s="1150">
        <v>2545</v>
      </c>
      <c r="U46" s="1150">
        <v>75053</v>
      </c>
      <c r="V46" s="1150">
        <v>51019345</v>
      </c>
      <c r="W46" s="1150">
        <v>147</v>
      </c>
      <c r="X46" s="1150">
        <v>965</v>
      </c>
      <c r="Y46" s="1150">
        <v>11167310</v>
      </c>
      <c r="Z46" s="1150">
        <v>195475</v>
      </c>
      <c r="AA46" s="1149">
        <v>4719122666</v>
      </c>
      <c r="AB46" s="564">
        <v>306</v>
      </c>
      <c r="AC46" s="1148" t="s">
        <v>431</v>
      </c>
      <c r="AD46" s="1147">
        <v>75</v>
      </c>
      <c r="AE46" s="1147">
        <v>4873</v>
      </c>
      <c r="AF46" s="1147">
        <v>48197347</v>
      </c>
      <c r="AG46" s="1147">
        <v>0</v>
      </c>
      <c r="AH46" s="1147">
        <v>0</v>
      </c>
      <c r="AI46" s="1147">
        <v>0</v>
      </c>
      <c r="AJ46" s="1147">
        <v>0</v>
      </c>
      <c r="AK46" s="1146">
        <v>200423</v>
      </c>
      <c r="AL46" s="1145">
        <v>4767320013</v>
      </c>
      <c r="AM46" s="1144">
        <v>3513540279</v>
      </c>
      <c r="AN46" s="1138">
        <v>1196662421</v>
      </c>
      <c r="AO46" s="1138">
        <v>57117313</v>
      </c>
      <c r="AP46" s="1138">
        <v>8131</v>
      </c>
      <c r="AQ46" s="1143">
        <v>487833614</v>
      </c>
      <c r="AR46" s="1142">
        <v>306</v>
      </c>
      <c r="AS46" s="1141" t="s">
        <v>430</v>
      </c>
      <c r="AT46" s="1140"/>
      <c r="AU46" s="1138"/>
      <c r="AV46" s="1138"/>
      <c r="AW46" s="1138"/>
      <c r="AX46" s="1138"/>
      <c r="AY46" s="1139"/>
      <c r="AZ46" s="1138"/>
      <c r="BA46" s="1138"/>
      <c r="BB46" s="1137"/>
      <c r="BC46" s="1136"/>
      <c r="BG46" s="612" t="e">
        <v>#REF!</v>
      </c>
    </row>
    <row r="47" spans="1:59" s="613" customFormat="1" ht="12.75" customHeight="1" thickTop="1" thickBot="1" x14ac:dyDescent="0.2">
      <c r="A47" s="1134" t="s">
        <v>429</v>
      </c>
      <c r="B47" s="1133"/>
      <c r="C47" s="1127">
        <v>4356</v>
      </c>
      <c r="D47" s="1127">
        <v>48237</v>
      </c>
      <c r="E47" s="1127">
        <v>2820975451</v>
      </c>
      <c r="F47" s="1127">
        <v>176083</v>
      </c>
      <c r="G47" s="1127">
        <v>269170</v>
      </c>
      <c r="H47" s="1127">
        <v>2991712874</v>
      </c>
      <c r="I47" s="1127">
        <v>36497</v>
      </c>
      <c r="J47" s="1127">
        <v>67373</v>
      </c>
      <c r="K47" s="1127">
        <v>496645842</v>
      </c>
      <c r="L47" s="1127">
        <v>216936</v>
      </c>
      <c r="M47" s="1127">
        <v>384780</v>
      </c>
      <c r="N47" s="1132">
        <v>6309334167</v>
      </c>
      <c r="O47" s="1134" t="s">
        <v>429</v>
      </c>
      <c r="P47" s="1133"/>
      <c r="Q47" s="1129">
        <v>126349</v>
      </c>
      <c r="R47" s="1127">
        <v>148632</v>
      </c>
      <c r="S47" s="1125">
        <v>1736234055</v>
      </c>
      <c r="T47" s="1135">
        <v>4132</v>
      </c>
      <c r="U47" s="1127">
        <v>113802</v>
      </c>
      <c r="V47" s="1127">
        <v>77318981</v>
      </c>
      <c r="W47" s="1127">
        <v>316</v>
      </c>
      <c r="X47" s="1127">
        <v>2298</v>
      </c>
      <c r="Y47" s="1127">
        <v>27791440</v>
      </c>
      <c r="Z47" s="1127">
        <v>343601</v>
      </c>
      <c r="AA47" s="1132">
        <v>8150678643</v>
      </c>
      <c r="AB47" s="1134" t="s">
        <v>429</v>
      </c>
      <c r="AC47" s="1133"/>
      <c r="AD47" s="1127">
        <v>75</v>
      </c>
      <c r="AE47" s="1127">
        <v>8650</v>
      </c>
      <c r="AF47" s="1127">
        <v>87336754</v>
      </c>
      <c r="AG47" s="1127">
        <v>0</v>
      </c>
      <c r="AH47" s="1127">
        <v>0</v>
      </c>
      <c r="AI47" s="1127">
        <v>0</v>
      </c>
      <c r="AJ47" s="1127">
        <v>0</v>
      </c>
      <c r="AK47" s="1127">
        <v>352326</v>
      </c>
      <c r="AL47" s="1127">
        <v>8238015397</v>
      </c>
      <c r="AM47" s="1127">
        <v>6032880531</v>
      </c>
      <c r="AN47" s="1127">
        <v>2103955332</v>
      </c>
      <c r="AO47" s="1127">
        <v>101179534</v>
      </c>
      <c r="AP47" s="1127">
        <v>11661</v>
      </c>
      <c r="AQ47" s="1132">
        <v>784083282</v>
      </c>
      <c r="AR47" s="1131" t="s">
        <v>428</v>
      </c>
      <c r="AS47" s="1130"/>
      <c r="AT47" s="1129">
        <v>0</v>
      </c>
      <c r="AU47" s="1127">
        <v>0</v>
      </c>
      <c r="AV47" s="1127">
        <v>0</v>
      </c>
      <c r="AW47" s="1127">
        <v>0</v>
      </c>
      <c r="AX47" s="1127">
        <v>0</v>
      </c>
      <c r="AY47" s="1128">
        <v>0</v>
      </c>
      <c r="AZ47" s="1127">
        <v>0</v>
      </c>
      <c r="BA47" s="1127">
        <v>0</v>
      </c>
      <c r="BB47" s="1126" t="e">
        <v>#REF!</v>
      </c>
      <c r="BC47" s="1125" t="e">
        <v>#REF!</v>
      </c>
      <c r="BG47" s="612" t="e">
        <v>#REF!</v>
      </c>
    </row>
    <row r="48" spans="1:59" s="613" customFormat="1" ht="12.75" customHeight="1" thickTop="1" thickBot="1" x14ac:dyDescent="0.2">
      <c r="A48" s="1121" t="s">
        <v>427</v>
      </c>
      <c r="B48" s="1120"/>
      <c r="C48" s="1119">
        <v>227897</v>
      </c>
      <c r="D48" s="1119">
        <v>3019451</v>
      </c>
      <c r="E48" s="1119">
        <v>144008136882</v>
      </c>
      <c r="F48" s="1119">
        <v>9480532</v>
      </c>
      <c r="G48" s="1119">
        <v>14778255</v>
      </c>
      <c r="H48" s="1119">
        <v>149243722876</v>
      </c>
      <c r="I48" s="1119">
        <v>2130247</v>
      </c>
      <c r="J48" s="1119">
        <v>3808286</v>
      </c>
      <c r="K48" s="1119">
        <v>27419593287</v>
      </c>
      <c r="L48" s="1119">
        <v>11838676</v>
      </c>
      <c r="M48" s="1119">
        <v>21605992</v>
      </c>
      <c r="N48" s="1118">
        <v>320671453045</v>
      </c>
      <c r="O48" s="1121" t="s">
        <v>427</v>
      </c>
      <c r="P48" s="1120"/>
      <c r="Q48" s="1124">
        <v>6935008</v>
      </c>
      <c r="R48" s="1119">
        <v>8147809</v>
      </c>
      <c r="S48" s="1123">
        <v>81991675514</v>
      </c>
      <c r="T48" s="1122">
        <v>217242</v>
      </c>
      <c r="U48" s="1119">
        <v>7525390</v>
      </c>
      <c r="V48" s="1119">
        <v>5070581329</v>
      </c>
      <c r="W48" s="1119">
        <v>26424</v>
      </c>
      <c r="X48" s="1119">
        <v>191635</v>
      </c>
      <c r="Y48" s="1119">
        <v>2225867415</v>
      </c>
      <c r="Z48" s="1119">
        <v>18800108</v>
      </c>
      <c r="AA48" s="1118">
        <v>409959577303</v>
      </c>
      <c r="AB48" s="1121" t="s">
        <v>427</v>
      </c>
      <c r="AC48" s="1120"/>
      <c r="AD48" s="1119">
        <v>2253</v>
      </c>
      <c r="AE48" s="1119">
        <v>400706</v>
      </c>
      <c r="AF48" s="1119">
        <v>4415556667</v>
      </c>
      <c r="AG48" s="1119">
        <v>259</v>
      </c>
      <c r="AH48" s="1119">
        <v>14247916</v>
      </c>
      <c r="AI48" s="1119">
        <v>6</v>
      </c>
      <c r="AJ48" s="1119">
        <v>279990</v>
      </c>
      <c r="AK48" s="1119">
        <v>19203073</v>
      </c>
      <c r="AL48" s="1119">
        <v>414373846526</v>
      </c>
      <c r="AM48" s="1119">
        <v>311219424768</v>
      </c>
      <c r="AN48" s="1119">
        <v>97259419600</v>
      </c>
      <c r="AO48" s="1119">
        <v>5896569592</v>
      </c>
      <c r="AP48" s="1119">
        <v>1054283</v>
      </c>
      <c r="AQ48" s="1118">
        <v>41200064434</v>
      </c>
      <c r="AR48" s="1117" t="s">
        <v>426</v>
      </c>
      <c r="AS48" s="1116"/>
      <c r="AT48" s="1115">
        <v>0</v>
      </c>
      <c r="AU48" s="1113">
        <v>0</v>
      </c>
      <c r="AV48" s="1113">
        <v>0</v>
      </c>
      <c r="AW48" s="1113">
        <v>0</v>
      </c>
      <c r="AX48" s="1113">
        <v>0</v>
      </c>
      <c r="AY48" s="1114">
        <v>0</v>
      </c>
      <c r="AZ48" s="1113">
        <v>0</v>
      </c>
      <c r="BA48" s="1113">
        <v>0</v>
      </c>
      <c r="BB48" s="1112" t="e">
        <v>#REF!</v>
      </c>
      <c r="BC48" s="1111" t="e">
        <v>#REF!</v>
      </c>
      <c r="BG48" s="612" t="e">
        <v>#REF!</v>
      </c>
    </row>
    <row r="49" spans="3:68" s="602" customFormat="1" ht="10.5" customHeight="1" x14ac:dyDescent="0.15">
      <c r="O49" s="602" t="s">
        <v>325</v>
      </c>
      <c r="Q49" s="644"/>
      <c r="AD49" s="613"/>
      <c r="AE49" s="613"/>
      <c r="AF49" s="613"/>
      <c r="AG49" s="613"/>
      <c r="AH49" s="613"/>
      <c r="AI49" s="613"/>
      <c r="AJ49" s="613"/>
      <c r="AK49" s="613"/>
      <c r="AL49" s="613"/>
      <c r="AM49" s="613"/>
      <c r="AN49" s="613"/>
      <c r="AO49" s="613"/>
      <c r="AP49" s="613"/>
      <c r="AQ49" s="613"/>
      <c r="AR49" s="613"/>
      <c r="AS49" s="613"/>
      <c r="AT49" s="613"/>
      <c r="AU49" s="613"/>
      <c r="AV49" s="613"/>
      <c r="AW49" s="613"/>
      <c r="AX49" s="613"/>
      <c r="AY49" s="613"/>
      <c r="AZ49" s="613"/>
      <c r="BA49" s="613"/>
      <c r="BB49" s="613"/>
      <c r="BC49" s="613"/>
      <c r="BD49" s="613"/>
      <c r="BE49" s="613"/>
      <c r="BF49" s="613"/>
      <c r="BG49" s="613"/>
      <c r="BH49" s="613"/>
      <c r="BI49" s="613"/>
      <c r="BJ49" s="613"/>
      <c r="BK49" s="613"/>
      <c r="BL49" s="613"/>
      <c r="BM49" s="613"/>
      <c r="BN49" s="613"/>
      <c r="BO49" s="613"/>
      <c r="BP49" s="613"/>
    </row>
    <row r="50" spans="3:68" ht="10.5" customHeight="1" x14ac:dyDescent="0.15">
      <c r="C50" s="1110"/>
      <c r="D50" s="1110"/>
      <c r="E50" s="1110"/>
      <c r="F50" s="1110"/>
      <c r="G50" s="1110"/>
      <c r="H50" s="1110"/>
      <c r="I50" s="1110"/>
      <c r="J50" s="1110"/>
      <c r="K50" s="1110"/>
      <c r="L50" s="1110"/>
      <c r="M50" s="1110"/>
      <c r="N50" s="1110"/>
      <c r="Q50" s="1110"/>
      <c r="R50" s="1110"/>
      <c r="S50" s="1110"/>
      <c r="T50" s="1110"/>
      <c r="U50" s="1110"/>
      <c r="V50" s="1110"/>
      <c r="W50" s="1110"/>
      <c r="X50" s="1110"/>
      <c r="Y50" s="1110"/>
      <c r="Z50" s="1110"/>
      <c r="AA50" s="1110"/>
      <c r="AD50" s="1110"/>
      <c r="AE50" s="1110"/>
      <c r="AF50" s="1110"/>
      <c r="AG50" s="1110"/>
      <c r="AH50" s="1110"/>
      <c r="AI50" s="1110"/>
      <c r="AJ50" s="1110"/>
      <c r="AK50" s="1110"/>
      <c r="AL50" s="1110"/>
      <c r="AM50" s="1110"/>
      <c r="AN50" s="1110"/>
      <c r="AO50" s="1110"/>
      <c r="AP50" s="1110"/>
      <c r="AQ50" s="1110"/>
      <c r="AR50" s="613"/>
      <c r="AS50" s="613"/>
      <c r="AT50" s="613"/>
      <c r="AU50" s="613"/>
      <c r="AV50" s="613"/>
      <c r="AW50" s="613"/>
      <c r="AX50" s="613"/>
      <c r="AY50" s="613"/>
      <c r="AZ50" s="613"/>
      <c r="BA50" s="613"/>
      <c r="BB50" s="613"/>
      <c r="BC50" s="613"/>
      <c r="BD50" s="613"/>
      <c r="BE50" s="613"/>
      <c r="BF50" s="613"/>
      <c r="BG50" s="613"/>
      <c r="BH50" s="613"/>
      <c r="BI50" s="613"/>
      <c r="BJ50" s="613"/>
      <c r="BK50" s="613"/>
      <c r="BL50" s="613"/>
      <c r="BM50" s="613"/>
      <c r="BN50" s="613"/>
      <c r="BO50" s="613"/>
      <c r="BP50" s="613"/>
    </row>
    <row r="51" spans="3:68" ht="10.5" customHeight="1" x14ac:dyDescent="0.15">
      <c r="C51" s="1109"/>
      <c r="D51" s="1109"/>
      <c r="E51" s="1109"/>
      <c r="F51" s="1109"/>
      <c r="G51" s="1109"/>
      <c r="H51" s="1109"/>
      <c r="I51" s="1109"/>
      <c r="J51" s="1109"/>
      <c r="K51" s="1109"/>
      <c r="L51" s="1109"/>
      <c r="M51" s="1109"/>
      <c r="N51" s="1109"/>
      <c r="Q51" s="1109"/>
      <c r="R51" s="1109"/>
      <c r="S51" s="1109"/>
      <c r="T51" s="1109"/>
      <c r="U51" s="1109"/>
      <c r="V51" s="1109"/>
      <c r="W51" s="1109"/>
      <c r="X51" s="1109"/>
      <c r="Y51" s="1109"/>
      <c r="Z51" s="1109"/>
      <c r="AA51" s="1109"/>
      <c r="AD51" s="1109"/>
      <c r="AE51" s="1109"/>
      <c r="AF51" s="1109"/>
      <c r="AG51" s="1109"/>
      <c r="AH51" s="1109"/>
      <c r="AI51" s="1109"/>
      <c r="AJ51" s="1109"/>
      <c r="AK51" s="1109"/>
      <c r="AL51" s="1109"/>
      <c r="AM51" s="1109"/>
      <c r="AN51" s="1109"/>
      <c r="AO51" s="1109"/>
      <c r="AP51" s="1109"/>
      <c r="AQ51" s="1109"/>
      <c r="AR51" s="613"/>
      <c r="AS51" s="613"/>
      <c r="AT51" s="613"/>
      <c r="AU51" s="613"/>
      <c r="AV51" s="613"/>
      <c r="AW51" s="613"/>
      <c r="AX51" s="613"/>
      <c r="AY51" s="613"/>
      <c r="AZ51" s="613"/>
      <c r="BA51" s="613"/>
      <c r="BB51" s="613"/>
      <c r="BC51" s="613"/>
      <c r="BD51" s="613"/>
      <c r="BE51" s="613"/>
      <c r="BF51" s="613"/>
      <c r="BG51" s="613"/>
      <c r="BH51" s="613"/>
      <c r="BI51" s="613"/>
      <c r="BJ51" s="613"/>
      <c r="BK51" s="613"/>
      <c r="BL51" s="613"/>
      <c r="BM51" s="613"/>
      <c r="BN51" s="613"/>
      <c r="BO51" s="613"/>
      <c r="BP51" s="613"/>
    </row>
    <row r="52" spans="3:68" ht="10.5" customHeight="1" x14ac:dyDescent="0.15">
      <c r="C52" s="1109"/>
      <c r="D52" s="1109"/>
      <c r="E52" s="1109"/>
      <c r="F52" s="1109"/>
      <c r="G52" s="1109"/>
      <c r="H52" s="1109"/>
      <c r="I52" s="1109"/>
      <c r="J52" s="1109"/>
      <c r="K52" s="1109"/>
      <c r="L52" s="1109"/>
      <c r="M52" s="1109"/>
      <c r="N52" s="1109"/>
      <c r="Q52" s="1109"/>
      <c r="R52" s="1109"/>
      <c r="S52" s="1109"/>
      <c r="T52" s="1109"/>
      <c r="U52" s="1109"/>
      <c r="V52" s="1109"/>
      <c r="W52" s="1109"/>
      <c r="X52" s="1109"/>
      <c r="Y52" s="1109"/>
      <c r="Z52" s="1109"/>
      <c r="AA52" s="1109"/>
      <c r="AD52" s="1109"/>
      <c r="AE52" s="1109"/>
      <c r="AF52" s="1109"/>
      <c r="AG52" s="1109"/>
      <c r="AH52" s="1109"/>
      <c r="AI52" s="1109"/>
      <c r="AJ52" s="1109"/>
      <c r="AK52" s="1109"/>
      <c r="AL52" s="1109"/>
      <c r="AM52" s="1109"/>
      <c r="AN52" s="1109"/>
      <c r="AO52" s="1109"/>
      <c r="AP52" s="1109"/>
      <c r="AQ52" s="1109"/>
      <c r="AR52" s="613"/>
      <c r="AS52" s="613"/>
      <c r="AT52" s="613"/>
      <c r="AU52" s="613"/>
      <c r="AV52" s="613"/>
      <c r="AW52" s="613"/>
      <c r="AX52" s="613"/>
      <c r="AY52" s="613"/>
      <c r="AZ52" s="613"/>
      <c r="BA52" s="613"/>
      <c r="BB52" s="613"/>
      <c r="BC52" s="613"/>
      <c r="BD52" s="613"/>
      <c r="BE52" s="613"/>
      <c r="BF52" s="613"/>
      <c r="BG52" s="613"/>
      <c r="BH52" s="613"/>
      <c r="BI52" s="613"/>
      <c r="BJ52" s="613"/>
      <c r="BK52" s="613"/>
      <c r="BL52" s="613"/>
      <c r="BM52" s="613"/>
      <c r="BN52" s="613"/>
      <c r="BO52" s="613"/>
      <c r="BP52" s="613"/>
    </row>
    <row r="53" spans="3:68" ht="10.5" customHeight="1" x14ac:dyDescent="0.15">
      <c r="AD53" s="613"/>
      <c r="AE53" s="613"/>
      <c r="AF53" s="613"/>
      <c r="AG53" s="613"/>
      <c r="AH53" s="613"/>
      <c r="AI53" s="613"/>
      <c r="AJ53" s="613"/>
      <c r="AK53" s="613"/>
      <c r="AL53" s="613"/>
      <c r="AM53" s="613"/>
      <c r="AN53" s="613"/>
      <c r="AO53" s="613"/>
      <c r="AP53" s="613"/>
      <c r="AQ53" s="613"/>
      <c r="AR53" s="613"/>
      <c r="AS53" s="613"/>
      <c r="AT53" s="613"/>
      <c r="AU53" s="613"/>
      <c r="AV53" s="613"/>
      <c r="AW53" s="613"/>
      <c r="AX53" s="613"/>
      <c r="AY53" s="613"/>
      <c r="AZ53" s="613"/>
      <c r="BA53" s="613"/>
      <c r="BB53" s="613"/>
      <c r="BC53" s="613"/>
      <c r="BD53" s="613"/>
      <c r="BE53" s="613"/>
      <c r="BF53" s="613"/>
      <c r="BG53" s="613"/>
      <c r="BH53" s="613"/>
      <c r="BI53" s="613"/>
      <c r="BJ53" s="613"/>
      <c r="BK53" s="613"/>
      <c r="BL53" s="613"/>
      <c r="BM53" s="613"/>
      <c r="BN53" s="613"/>
      <c r="BO53" s="613"/>
      <c r="BP53" s="613"/>
    </row>
    <row r="54" spans="3:68" ht="10.5" customHeight="1" x14ac:dyDescent="0.15">
      <c r="AD54" s="613"/>
      <c r="AE54" s="613"/>
      <c r="AF54" s="613"/>
      <c r="AG54" s="613"/>
      <c r="AH54" s="613"/>
      <c r="AI54" s="613"/>
      <c r="AJ54" s="613"/>
      <c r="AK54" s="613"/>
      <c r="AL54" s="613"/>
      <c r="AM54" s="613"/>
      <c r="AN54" s="613"/>
      <c r="AO54" s="613"/>
      <c r="AP54" s="613"/>
      <c r="AQ54" s="613"/>
      <c r="AR54" s="613"/>
      <c r="AS54" s="613"/>
      <c r="AT54" s="613"/>
      <c r="AU54" s="613"/>
      <c r="AV54" s="613"/>
      <c r="AW54" s="613"/>
      <c r="AX54" s="613"/>
      <c r="AY54" s="613"/>
      <c r="AZ54" s="613"/>
      <c r="BA54" s="613"/>
      <c r="BB54" s="613"/>
      <c r="BC54" s="613"/>
      <c r="BD54" s="613"/>
      <c r="BE54" s="613"/>
      <c r="BF54" s="613"/>
      <c r="BG54" s="613"/>
      <c r="BH54" s="613"/>
      <c r="BI54" s="613"/>
      <c r="BJ54" s="613"/>
      <c r="BK54" s="613"/>
      <c r="BL54" s="613"/>
      <c r="BM54" s="613"/>
      <c r="BN54" s="613"/>
      <c r="BO54" s="613"/>
      <c r="BP54" s="613"/>
    </row>
    <row r="55" spans="3:68" ht="10.5" customHeight="1" x14ac:dyDescent="0.15">
      <c r="AD55" s="613"/>
      <c r="AE55" s="613"/>
      <c r="AF55" s="613"/>
      <c r="AG55" s="613"/>
      <c r="AH55" s="613"/>
      <c r="AI55" s="613"/>
      <c r="AJ55" s="613"/>
      <c r="AK55" s="613"/>
      <c r="AL55" s="613"/>
      <c r="AM55" s="613"/>
      <c r="AN55" s="613"/>
      <c r="AO55" s="613"/>
      <c r="AP55" s="613"/>
      <c r="AQ55" s="613"/>
      <c r="AR55" s="613"/>
      <c r="AS55" s="613"/>
      <c r="AT55" s="613"/>
      <c r="AU55" s="613"/>
      <c r="AV55" s="613"/>
      <c r="AW55" s="613"/>
      <c r="AX55" s="613"/>
      <c r="AY55" s="613"/>
      <c r="AZ55" s="613"/>
      <c r="BA55" s="613"/>
      <c r="BB55" s="613"/>
      <c r="BC55" s="613"/>
      <c r="BD55" s="613"/>
      <c r="BE55" s="613"/>
      <c r="BF55" s="613"/>
      <c r="BG55" s="613"/>
      <c r="BH55" s="613"/>
      <c r="BI55" s="613"/>
      <c r="BJ55" s="613"/>
      <c r="BK55" s="613"/>
      <c r="BL55" s="613"/>
      <c r="BM55" s="613"/>
      <c r="BN55" s="613"/>
      <c r="BO55" s="613"/>
      <c r="BP55" s="613"/>
    </row>
    <row r="56" spans="3:68" ht="10.5" customHeight="1" x14ac:dyDescent="0.15">
      <c r="AD56" s="613"/>
      <c r="AE56" s="613"/>
      <c r="AF56" s="613"/>
      <c r="AG56" s="613"/>
      <c r="AH56" s="613"/>
      <c r="AI56" s="613"/>
      <c r="AJ56" s="613"/>
      <c r="AK56" s="613"/>
      <c r="AL56" s="613"/>
      <c r="AM56" s="613"/>
      <c r="AN56" s="613"/>
      <c r="AO56" s="613"/>
      <c r="AP56" s="613"/>
      <c r="AQ56" s="613"/>
      <c r="AR56" s="613"/>
      <c r="AS56" s="613"/>
      <c r="AT56" s="613"/>
      <c r="AU56" s="613"/>
      <c r="AV56" s="613"/>
      <c r="AW56" s="613"/>
      <c r="AX56" s="613"/>
      <c r="AY56" s="613"/>
      <c r="AZ56" s="613"/>
      <c r="BA56" s="613"/>
      <c r="BB56" s="613"/>
      <c r="BC56" s="613"/>
      <c r="BD56" s="613"/>
      <c r="BE56" s="613"/>
      <c r="BF56" s="613"/>
      <c r="BG56" s="613"/>
      <c r="BH56" s="613"/>
      <c r="BI56" s="613"/>
      <c r="BJ56" s="613"/>
      <c r="BK56" s="613"/>
      <c r="BL56" s="613"/>
      <c r="BM56" s="613"/>
      <c r="BN56" s="613"/>
      <c r="BO56" s="613"/>
      <c r="BP56" s="613"/>
    </row>
    <row r="57" spans="3:68" ht="10.5" customHeight="1" x14ac:dyDescent="0.15">
      <c r="AD57" s="613"/>
      <c r="AE57" s="613"/>
      <c r="AF57" s="613"/>
      <c r="AG57" s="613"/>
      <c r="AH57" s="613"/>
      <c r="AI57" s="613"/>
      <c r="AJ57" s="613"/>
      <c r="AK57" s="613"/>
      <c r="AL57" s="613"/>
      <c r="AM57" s="613"/>
      <c r="AN57" s="613"/>
      <c r="AO57" s="613"/>
      <c r="AP57" s="613"/>
      <c r="AQ57" s="613"/>
      <c r="AR57" s="613"/>
      <c r="AS57" s="613"/>
      <c r="AT57" s="613"/>
      <c r="AU57" s="613"/>
      <c r="AV57" s="613"/>
      <c r="AW57" s="613"/>
      <c r="AX57" s="613"/>
      <c r="AY57" s="613"/>
      <c r="AZ57" s="613"/>
      <c r="BA57" s="613"/>
      <c r="BB57" s="613"/>
      <c r="BC57" s="613"/>
      <c r="BD57" s="613"/>
      <c r="BE57" s="613"/>
      <c r="BF57" s="613"/>
      <c r="BG57" s="613"/>
      <c r="BH57" s="613"/>
      <c r="BI57" s="613"/>
      <c r="BJ57" s="613"/>
      <c r="BK57" s="613"/>
      <c r="BL57" s="613"/>
      <c r="BM57" s="613"/>
      <c r="BN57" s="613"/>
      <c r="BO57" s="613"/>
      <c r="BP57" s="613"/>
    </row>
    <row r="58" spans="3:68" ht="10.5" customHeight="1" x14ac:dyDescent="0.15">
      <c r="AD58" s="613"/>
      <c r="AE58" s="613"/>
      <c r="AF58" s="613"/>
      <c r="AG58" s="613"/>
      <c r="AH58" s="613"/>
      <c r="AI58" s="613"/>
      <c r="AJ58" s="613"/>
      <c r="AK58" s="613"/>
      <c r="AL58" s="613"/>
      <c r="AM58" s="613"/>
      <c r="AN58" s="613"/>
      <c r="AO58" s="613"/>
      <c r="AP58" s="613"/>
      <c r="AQ58" s="613"/>
      <c r="AR58" s="613"/>
      <c r="AS58" s="613"/>
      <c r="AT58" s="613"/>
      <c r="AU58" s="613"/>
      <c r="AV58" s="613"/>
      <c r="AW58" s="613"/>
      <c r="AX58" s="613"/>
      <c r="AY58" s="613"/>
      <c r="AZ58" s="613"/>
      <c r="BA58" s="613"/>
      <c r="BB58" s="613"/>
      <c r="BC58" s="613"/>
      <c r="BD58" s="613"/>
      <c r="BE58" s="613"/>
      <c r="BF58" s="613"/>
      <c r="BG58" s="613"/>
      <c r="BH58" s="613"/>
      <c r="BI58" s="613"/>
      <c r="BJ58" s="613"/>
      <c r="BK58" s="613"/>
      <c r="BL58" s="613"/>
      <c r="BM58" s="613"/>
      <c r="BN58" s="613"/>
      <c r="BO58" s="613"/>
      <c r="BP58" s="613"/>
    </row>
    <row r="59" spans="3:68" ht="10.5" customHeight="1" x14ac:dyDescent="0.15">
      <c r="AD59" s="613"/>
      <c r="AE59" s="613"/>
      <c r="AF59" s="613"/>
      <c r="AG59" s="613"/>
      <c r="AH59" s="613"/>
      <c r="AI59" s="613"/>
      <c r="AJ59" s="613"/>
      <c r="AK59" s="613"/>
      <c r="AL59" s="613"/>
      <c r="AM59" s="613"/>
      <c r="AN59" s="613"/>
      <c r="AO59" s="613"/>
      <c r="AP59" s="613"/>
      <c r="AQ59" s="613"/>
      <c r="AR59" s="613"/>
      <c r="AS59" s="613"/>
      <c r="AT59" s="613"/>
      <c r="AU59" s="613"/>
      <c r="AV59" s="613"/>
      <c r="AW59" s="613"/>
      <c r="AX59" s="613"/>
      <c r="AY59" s="613"/>
      <c r="AZ59" s="613"/>
      <c r="BA59" s="613"/>
      <c r="BB59" s="613"/>
      <c r="BC59" s="613"/>
      <c r="BD59" s="613"/>
      <c r="BE59" s="613"/>
      <c r="BF59" s="613"/>
      <c r="BG59" s="613"/>
      <c r="BH59" s="613"/>
      <c r="BI59" s="613"/>
      <c r="BJ59" s="613"/>
      <c r="BK59" s="613"/>
      <c r="BL59" s="613"/>
      <c r="BM59" s="613"/>
      <c r="BN59" s="613"/>
      <c r="BO59" s="613"/>
      <c r="BP59" s="613"/>
    </row>
    <row r="60" spans="3:68" ht="10.5" customHeight="1" x14ac:dyDescent="0.15">
      <c r="AD60" s="613"/>
      <c r="AE60" s="613"/>
      <c r="AF60" s="613"/>
      <c r="AG60" s="613"/>
      <c r="AH60" s="613"/>
      <c r="AI60" s="613"/>
      <c r="AJ60" s="613"/>
      <c r="AK60" s="613"/>
      <c r="AL60" s="613"/>
      <c r="AM60" s="613"/>
      <c r="AN60" s="613"/>
      <c r="AO60" s="613"/>
      <c r="AP60" s="613"/>
      <c r="AQ60" s="613"/>
      <c r="AR60" s="613"/>
      <c r="AS60" s="613"/>
      <c r="AT60" s="613"/>
      <c r="AU60" s="613"/>
      <c r="AV60" s="613"/>
      <c r="AW60" s="613"/>
      <c r="AX60" s="613"/>
      <c r="AY60" s="613"/>
      <c r="AZ60" s="613"/>
      <c r="BA60" s="613"/>
      <c r="BB60" s="613"/>
      <c r="BC60" s="613"/>
      <c r="BD60" s="613"/>
      <c r="BE60" s="613"/>
      <c r="BF60" s="613"/>
      <c r="BG60" s="613"/>
      <c r="BH60" s="613"/>
      <c r="BI60" s="613"/>
      <c r="BJ60" s="613"/>
      <c r="BK60" s="613"/>
      <c r="BL60" s="613"/>
      <c r="BM60" s="613"/>
      <c r="BN60" s="613"/>
      <c r="BO60" s="613"/>
      <c r="BP60" s="613"/>
    </row>
    <row r="61" spans="3:68" ht="10.5" customHeight="1" x14ac:dyDescent="0.15">
      <c r="AD61" s="613"/>
      <c r="AE61" s="613"/>
      <c r="AF61" s="613"/>
      <c r="AG61" s="613"/>
      <c r="AH61" s="613"/>
      <c r="AI61" s="613"/>
      <c r="AJ61" s="613"/>
      <c r="AK61" s="613"/>
      <c r="AL61" s="613"/>
      <c r="AM61" s="613"/>
      <c r="AN61" s="613"/>
      <c r="AO61" s="613"/>
      <c r="AP61" s="613"/>
      <c r="AQ61" s="613"/>
      <c r="AR61" s="613"/>
      <c r="AS61" s="613"/>
      <c r="AT61" s="613"/>
      <c r="AU61" s="613"/>
      <c r="AV61" s="613"/>
      <c r="AW61" s="613"/>
      <c r="AX61" s="613"/>
      <c r="AY61" s="613"/>
      <c r="AZ61" s="613"/>
      <c r="BA61" s="613"/>
      <c r="BB61" s="613"/>
      <c r="BC61" s="613"/>
      <c r="BD61" s="613"/>
      <c r="BE61" s="613"/>
      <c r="BF61" s="613"/>
      <c r="BG61" s="613"/>
      <c r="BH61" s="613"/>
      <c r="BI61" s="613"/>
      <c r="BJ61" s="613"/>
      <c r="BK61" s="613"/>
      <c r="BL61" s="613"/>
      <c r="BM61" s="613"/>
      <c r="BN61" s="613"/>
      <c r="BO61" s="613"/>
      <c r="BP61" s="613"/>
    </row>
    <row r="62" spans="3:68" ht="10.5" customHeight="1" x14ac:dyDescent="0.15">
      <c r="AD62" s="613"/>
      <c r="AE62" s="613"/>
      <c r="AF62" s="613"/>
      <c r="AG62" s="613"/>
      <c r="AH62" s="613"/>
      <c r="AI62" s="613"/>
      <c r="AJ62" s="613"/>
      <c r="AK62" s="613"/>
      <c r="AL62" s="613"/>
      <c r="AM62" s="613"/>
      <c r="AN62" s="613"/>
      <c r="AO62" s="613"/>
      <c r="AP62" s="613"/>
      <c r="AQ62" s="613"/>
      <c r="AR62" s="613"/>
      <c r="AS62" s="613"/>
      <c r="AT62" s="613"/>
      <c r="AU62" s="613"/>
      <c r="AV62" s="613"/>
      <c r="AW62" s="613"/>
      <c r="AX62" s="613"/>
      <c r="AY62" s="613"/>
      <c r="AZ62" s="613"/>
      <c r="BA62" s="613"/>
      <c r="BB62" s="613"/>
      <c r="BC62" s="613"/>
      <c r="BD62" s="613"/>
      <c r="BE62" s="613"/>
      <c r="BF62" s="613"/>
      <c r="BG62" s="613"/>
      <c r="BH62" s="613"/>
      <c r="BI62" s="613"/>
      <c r="BJ62" s="613"/>
      <c r="BK62" s="613"/>
      <c r="BL62" s="613"/>
      <c r="BM62" s="613"/>
      <c r="BN62" s="613"/>
      <c r="BO62" s="613"/>
      <c r="BP62" s="613"/>
    </row>
    <row r="63" spans="3:68" ht="10.5" customHeight="1" x14ac:dyDescent="0.15">
      <c r="AD63" s="613"/>
      <c r="AE63" s="613"/>
      <c r="AF63" s="613"/>
      <c r="AG63" s="613"/>
      <c r="AH63" s="613"/>
      <c r="AI63" s="613"/>
      <c r="AJ63" s="613"/>
      <c r="AK63" s="613"/>
      <c r="AL63" s="613"/>
      <c r="AM63" s="613"/>
      <c r="AN63" s="613"/>
      <c r="AO63" s="613"/>
      <c r="AP63" s="613"/>
      <c r="AQ63" s="613"/>
      <c r="AR63" s="613"/>
      <c r="AS63" s="613"/>
      <c r="AT63" s="613"/>
      <c r="AU63" s="613"/>
      <c r="AV63" s="613"/>
      <c r="AW63" s="613"/>
      <c r="AX63" s="613"/>
      <c r="AY63" s="613"/>
      <c r="AZ63" s="613"/>
      <c r="BA63" s="613"/>
      <c r="BB63" s="613"/>
      <c r="BC63" s="613"/>
      <c r="BD63" s="613"/>
      <c r="BE63" s="613"/>
      <c r="BF63" s="613"/>
      <c r="BG63" s="613"/>
      <c r="BH63" s="613"/>
      <c r="BI63" s="613"/>
      <c r="BJ63" s="613"/>
      <c r="BK63" s="613"/>
      <c r="BL63" s="613"/>
      <c r="BM63" s="613"/>
      <c r="BN63" s="613"/>
      <c r="BO63" s="613"/>
      <c r="BP63" s="613"/>
    </row>
    <row r="64" spans="3:68" ht="10.5" customHeight="1" x14ac:dyDescent="0.15">
      <c r="AD64" s="613"/>
      <c r="AE64" s="613"/>
      <c r="AF64" s="613"/>
      <c r="AG64" s="613"/>
      <c r="AH64" s="613"/>
      <c r="AI64" s="613"/>
      <c r="AJ64" s="613"/>
      <c r="AK64" s="613"/>
      <c r="AL64" s="613"/>
      <c r="AM64" s="613"/>
      <c r="AN64" s="613"/>
      <c r="AO64" s="613"/>
      <c r="AP64" s="613"/>
      <c r="AQ64" s="613"/>
      <c r="AR64" s="613"/>
      <c r="AS64" s="613"/>
      <c r="AT64" s="613"/>
      <c r="AU64" s="613"/>
      <c r="AV64" s="613"/>
      <c r="AW64" s="613"/>
      <c r="AX64" s="613"/>
      <c r="AY64" s="613"/>
      <c r="AZ64" s="613"/>
      <c r="BA64" s="613"/>
      <c r="BB64" s="613"/>
      <c r="BC64" s="613"/>
      <c r="BD64" s="613"/>
      <c r="BE64" s="613"/>
      <c r="BF64" s="613"/>
      <c r="BG64" s="613"/>
      <c r="BH64" s="613"/>
      <c r="BI64" s="613"/>
      <c r="BJ64" s="613"/>
      <c r="BK64" s="613"/>
      <c r="BL64" s="613"/>
      <c r="BM64" s="613"/>
      <c r="BN64" s="613"/>
      <c r="BO64" s="613"/>
      <c r="BP64" s="613"/>
    </row>
    <row r="65" spans="30:68" ht="10.5" customHeight="1" x14ac:dyDescent="0.15">
      <c r="AD65" s="613"/>
      <c r="AE65" s="613"/>
      <c r="AF65" s="613"/>
      <c r="AG65" s="613"/>
      <c r="AH65" s="613"/>
      <c r="AI65" s="613"/>
      <c r="AJ65" s="613"/>
      <c r="AK65" s="613"/>
      <c r="AL65" s="613"/>
      <c r="AM65" s="613"/>
      <c r="AN65" s="613"/>
      <c r="AO65" s="613"/>
      <c r="AP65" s="613"/>
      <c r="AQ65" s="613"/>
      <c r="AR65" s="613"/>
      <c r="AS65" s="613"/>
      <c r="AT65" s="613"/>
      <c r="AU65" s="613"/>
      <c r="AV65" s="613"/>
      <c r="AW65" s="613"/>
      <c r="AX65" s="613"/>
      <c r="AY65" s="613"/>
      <c r="AZ65" s="613"/>
      <c r="BA65" s="613"/>
      <c r="BB65" s="613"/>
      <c r="BC65" s="613"/>
      <c r="BD65" s="613"/>
      <c r="BE65" s="613"/>
      <c r="BF65" s="613"/>
      <c r="BG65" s="613"/>
      <c r="BH65" s="613"/>
      <c r="BI65" s="613"/>
      <c r="BJ65" s="613"/>
      <c r="BK65" s="613"/>
      <c r="BL65" s="613"/>
      <c r="BM65" s="613"/>
      <c r="BN65" s="613"/>
      <c r="BO65" s="613"/>
      <c r="BP65" s="613"/>
    </row>
    <row r="66" spans="30:68" ht="10.5" customHeight="1" x14ac:dyDescent="0.15">
      <c r="AD66" s="613"/>
      <c r="AE66" s="613"/>
      <c r="AF66" s="613"/>
      <c r="AG66" s="613"/>
      <c r="AH66" s="613"/>
      <c r="AI66" s="613"/>
      <c r="AJ66" s="613"/>
      <c r="AK66" s="613"/>
      <c r="AL66" s="613"/>
      <c r="AM66" s="613"/>
      <c r="AN66" s="613"/>
      <c r="AO66" s="613"/>
      <c r="AP66" s="613"/>
      <c r="AQ66" s="613"/>
      <c r="AR66" s="613"/>
      <c r="AS66" s="613"/>
      <c r="AT66" s="613"/>
      <c r="AU66" s="613"/>
      <c r="AV66" s="613"/>
      <c r="AW66" s="613"/>
      <c r="AX66" s="613"/>
      <c r="AY66" s="613"/>
      <c r="AZ66" s="613"/>
      <c r="BA66" s="613"/>
      <c r="BB66" s="613"/>
      <c r="BC66" s="613"/>
      <c r="BD66" s="613"/>
      <c r="BE66" s="613"/>
      <c r="BF66" s="613"/>
      <c r="BG66" s="613"/>
      <c r="BH66" s="613"/>
      <c r="BI66" s="613"/>
      <c r="BJ66" s="613"/>
      <c r="BK66" s="613"/>
      <c r="BL66" s="613"/>
      <c r="BM66" s="613"/>
      <c r="BN66" s="613"/>
      <c r="BO66" s="613"/>
      <c r="BP66" s="613"/>
    </row>
    <row r="67" spans="30:68" ht="10.5" customHeight="1" x14ac:dyDescent="0.15">
      <c r="AD67" s="613"/>
      <c r="AE67" s="613"/>
      <c r="AF67" s="613"/>
      <c r="AG67" s="613"/>
      <c r="AH67" s="613"/>
      <c r="AI67" s="613"/>
      <c r="AJ67" s="613"/>
      <c r="AK67" s="613"/>
      <c r="AL67" s="613"/>
      <c r="AM67" s="613"/>
      <c r="AN67" s="613"/>
      <c r="AO67" s="613"/>
      <c r="AP67" s="613"/>
      <c r="AQ67" s="613"/>
      <c r="AR67" s="613"/>
      <c r="AS67" s="613"/>
      <c r="AT67" s="613"/>
      <c r="AU67" s="613"/>
      <c r="AV67" s="613"/>
      <c r="AW67" s="613"/>
      <c r="AX67" s="613"/>
      <c r="AY67" s="613"/>
      <c r="AZ67" s="613"/>
      <c r="BA67" s="613"/>
      <c r="BB67" s="613"/>
      <c r="BC67" s="613"/>
      <c r="BD67" s="613"/>
      <c r="BE67" s="613"/>
      <c r="BF67" s="613"/>
      <c r="BG67" s="613"/>
      <c r="BH67" s="613"/>
      <c r="BI67" s="613"/>
      <c r="BJ67" s="613"/>
      <c r="BK67" s="613"/>
      <c r="BL67" s="613"/>
      <c r="BM67" s="613"/>
      <c r="BN67" s="613"/>
      <c r="BO67" s="613"/>
      <c r="BP67" s="613"/>
    </row>
    <row r="68" spans="30:68" ht="10.5" customHeight="1" x14ac:dyDescent="0.15">
      <c r="AD68" s="613"/>
      <c r="AE68" s="613"/>
      <c r="AF68" s="613"/>
      <c r="AG68" s="613"/>
      <c r="AH68" s="613"/>
      <c r="AI68" s="613"/>
      <c r="AJ68" s="613"/>
      <c r="AK68" s="613"/>
      <c r="AL68" s="613"/>
      <c r="AM68" s="613"/>
      <c r="AN68" s="613"/>
      <c r="AO68" s="613"/>
      <c r="AP68" s="613"/>
      <c r="AQ68" s="613"/>
      <c r="AR68" s="613"/>
      <c r="AS68" s="613"/>
      <c r="AT68" s="613"/>
      <c r="AU68" s="613"/>
      <c r="AV68" s="613"/>
      <c r="AW68" s="613"/>
      <c r="AX68" s="613"/>
      <c r="AY68" s="613"/>
      <c r="AZ68" s="613"/>
      <c r="BA68" s="613"/>
      <c r="BB68" s="613"/>
      <c r="BC68" s="613"/>
      <c r="BD68" s="613"/>
      <c r="BE68" s="613"/>
      <c r="BF68" s="613"/>
      <c r="BG68" s="613"/>
      <c r="BH68" s="613"/>
      <c r="BI68" s="613"/>
      <c r="BJ68" s="613"/>
      <c r="BK68" s="613"/>
      <c r="BL68" s="613"/>
      <c r="BM68" s="613"/>
      <c r="BN68" s="613"/>
      <c r="BO68" s="613"/>
      <c r="BP68" s="613"/>
    </row>
    <row r="69" spans="30:68" ht="10.5" customHeight="1" x14ac:dyDescent="0.15">
      <c r="AD69" s="613"/>
      <c r="AE69" s="613"/>
      <c r="AF69" s="613"/>
      <c r="AG69" s="613"/>
      <c r="AH69" s="613"/>
      <c r="AI69" s="613"/>
      <c r="AJ69" s="613"/>
      <c r="AK69" s="613"/>
      <c r="AL69" s="613"/>
      <c r="AM69" s="613"/>
      <c r="AN69" s="613"/>
      <c r="AO69" s="613"/>
      <c r="AP69" s="613"/>
      <c r="AQ69" s="613"/>
      <c r="AR69" s="613"/>
      <c r="AS69" s="613"/>
      <c r="AT69" s="613"/>
      <c r="AU69" s="613"/>
      <c r="AV69" s="613"/>
      <c r="AW69" s="613"/>
      <c r="AX69" s="613"/>
      <c r="AY69" s="613"/>
      <c r="AZ69" s="613"/>
      <c r="BA69" s="613"/>
      <c r="BB69" s="613"/>
      <c r="BC69" s="613"/>
      <c r="BD69" s="613"/>
      <c r="BE69" s="613"/>
      <c r="BF69" s="613"/>
      <c r="BG69" s="613"/>
      <c r="BH69" s="613"/>
      <c r="BI69" s="613"/>
      <c r="BJ69" s="613"/>
      <c r="BK69" s="613"/>
      <c r="BL69" s="613"/>
      <c r="BM69" s="613"/>
      <c r="BN69" s="613"/>
      <c r="BO69" s="613"/>
      <c r="BP69" s="613"/>
    </row>
    <row r="70" spans="30:68" ht="10.5" customHeight="1" x14ac:dyDescent="0.15">
      <c r="AD70" s="613"/>
      <c r="AE70" s="613"/>
      <c r="AF70" s="613"/>
      <c r="AG70" s="613"/>
      <c r="AH70" s="613"/>
      <c r="AI70" s="613"/>
      <c r="AJ70" s="613"/>
      <c r="AK70" s="613"/>
      <c r="AL70" s="613"/>
      <c r="AM70" s="613"/>
      <c r="AN70" s="613"/>
      <c r="AO70" s="613"/>
      <c r="AP70" s="613"/>
      <c r="AQ70" s="613"/>
      <c r="AR70" s="613"/>
      <c r="AS70" s="613"/>
      <c r="AT70" s="613"/>
      <c r="AU70" s="613"/>
      <c r="AV70" s="613"/>
      <c r="AW70" s="613"/>
      <c r="AX70" s="613"/>
      <c r="AY70" s="613"/>
      <c r="AZ70" s="613"/>
      <c r="BA70" s="613"/>
      <c r="BB70" s="613"/>
      <c r="BC70" s="613"/>
      <c r="BD70" s="613"/>
      <c r="BE70" s="613"/>
      <c r="BF70" s="613"/>
      <c r="BG70" s="613"/>
      <c r="BH70" s="613"/>
      <c r="BI70" s="613"/>
      <c r="BJ70" s="613"/>
      <c r="BK70" s="613"/>
      <c r="BL70" s="613"/>
      <c r="BM70" s="613"/>
      <c r="BN70" s="613"/>
      <c r="BO70" s="613"/>
      <c r="BP70" s="613"/>
    </row>
    <row r="71" spans="30:68" ht="10.5" customHeight="1" x14ac:dyDescent="0.15">
      <c r="AD71" s="613"/>
      <c r="AE71" s="613"/>
      <c r="AF71" s="613"/>
      <c r="AG71" s="613"/>
      <c r="AH71" s="613"/>
      <c r="AI71" s="613"/>
      <c r="AJ71" s="613"/>
      <c r="AK71" s="613"/>
      <c r="AL71" s="613"/>
      <c r="AM71" s="613"/>
      <c r="AN71" s="613"/>
      <c r="AO71" s="613"/>
      <c r="AP71" s="613"/>
      <c r="AQ71" s="613"/>
      <c r="AR71" s="613"/>
      <c r="AS71" s="613"/>
      <c r="AT71" s="613"/>
      <c r="AU71" s="613"/>
      <c r="AV71" s="613"/>
      <c r="AW71" s="613"/>
      <c r="AX71" s="613"/>
      <c r="AY71" s="613"/>
      <c r="AZ71" s="613"/>
      <c r="BA71" s="613"/>
      <c r="BB71" s="613"/>
      <c r="BC71" s="613"/>
      <c r="BD71" s="613"/>
      <c r="BE71" s="613"/>
      <c r="BF71" s="613"/>
      <c r="BG71" s="613"/>
      <c r="BH71" s="613"/>
      <c r="BI71" s="613"/>
      <c r="BJ71" s="613"/>
      <c r="BK71" s="613"/>
      <c r="BL71" s="613"/>
      <c r="BM71" s="613"/>
      <c r="BN71" s="613"/>
      <c r="BO71" s="613"/>
      <c r="BP71" s="613"/>
    </row>
    <row r="72" spans="30:68" ht="10.5" customHeight="1" x14ac:dyDescent="0.15">
      <c r="AD72" s="613"/>
      <c r="AE72" s="613"/>
      <c r="AF72" s="613"/>
      <c r="AG72" s="613"/>
      <c r="AH72" s="613"/>
      <c r="AI72" s="613"/>
      <c r="AJ72" s="613"/>
      <c r="AK72" s="613"/>
      <c r="AL72" s="613"/>
      <c r="AM72" s="613"/>
      <c r="AN72" s="613"/>
      <c r="AO72" s="613"/>
      <c r="AP72" s="613"/>
      <c r="AQ72" s="613"/>
      <c r="AR72" s="613"/>
      <c r="AS72" s="613"/>
      <c r="AT72" s="613"/>
      <c r="AU72" s="613"/>
      <c r="AV72" s="613"/>
      <c r="AW72" s="613"/>
      <c r="AX72" s="613"/>
      <c r="AY72" s="613"/>
      <c r="AZ72" s="613"/>
      <c r="BA72" s="613"/>
      <c r="BB72" s="613"/>
      <c r="BC72" s="613"/>
      <c r="BD72" s="613"/>
      <c r="BE72" s="613"/>
      <c r="BF72" s="613"/>
      <c r="BG72" s="613"/>
      <c r="BH72" s="613"/>
      <c r="BI72" s="613"/>
      <c r="BJ72" s="613"/>
      <c r="BK72" s="613"/>
      <c r="BL72" s="613"/>
      <c r="BM72" s="613"/>
      <c r="BN72" s="613"/>
      <c r="BO72" s="613"/>
      <c r="BP72" s="613"/>
    </row>
    <row r="73" spans="30:68" ht="10.5" customHeight="1" x14ac:dyDescent="0.15">
      <c r="AD73" s="613"/>
      <c r="AE73" s="613"/>
      <c r="AF73" s="613"/>
      <c r="AG73" s="613"/>
      <c r="AH73" s="613"/>
      <c r="AI73" s="613"/>
      <c r="AJ73" s="613"/>
      <c r="AK73" s="613"/>
      <c r="AL73" s="613"/>
      <c r="AM73" s="613"/>
      <c r="AN73" s="613"/>
      <c r="AO73" s="613"/>
      <c r="AP73" s="613"/>
      <c r="AQ73" s="613"/>
      <c r="AR73" s="613"/>
      <c r="AS73" s="613"/>
      <c r="AT73" s="613"/>
      <c r="AU73" s="613"/>
      <c r="AV73" s="613"/>
      <c r="AW73" s="613"/>
      <c r="AX73" s="613"/>
      <c r="AY73" s="613"/>
      <c r="AZ73" s="613"/>
      <c r="BA73" s="613"/>
      <c r="BB73" s="613"/>
      <c r="BC73" s="613"/>
      <c r="BD73" s="613"/>
      <c r="BE73" s="613"/>
      <c r="BF73" s="613"/>
      <c r="BG73" s="613"/>
      <c r="BH73" s="613"/>
      <c r="BI73" s="613"/>
      <c r="BJ73" s="613"/>
      <c r="BK73" s="613"/>
      <c r="BL73" s="613"/>
      <c r="BM73" s="613"/>
      <c r="BN73" s="613"/>
      <c r="BO73" s="613"/>
      <c r="BP73" s="613"/>
    </row>
    <row r="74" spans="30:68" ht="10.5" customHeight="1" x14ac:dyDescent="0.15">
      <c r="AD74" s="613"/>
      <c r="AE74" s="613"/>
      <c r="AF74" s="613"/>
      <c r="AG74" s="613"/>
      <c r="AH74" s="613"/>
      <c r="AI74" s="613"/>
      <c r="AJ74" s="613"/>
      <c r="AK74" s="613"/>
      <c r="AL74" s="613"/>
      <c r="AM74" s="613"/>
      <c r="AN74" s="613"/>
      <c r="AO74" s="613"/>
      <c r="AP74" s="613"/>
      <c r="AQ74" s="613"/>
      <c r="AR74" s="613"/>
      <c r="AS74" s="613"/>
      <c r="AT74" s="613"/>
      <c r="AU74" s="613"/>
      <c r="AV74" s="613"/>
      <c r="AW74" s="613"/>
      <c r="AX74" s="613"/>
      <c r="AY74" s="613"/>
      <c r="AZ74" s="613"/>
      <c r="BA74" s="613"/>
      <c r="BB74" s="613"/>
      <c r="BC74" s="613"/>
      <c r="BD74" s="613"/>
      <c r="BE74" s="613"/>
      <c r="BF74" s="613"/>
      <c r="BG74" s="613"/>
      <c r="BH74" s="613"/>
      <c r="BI74" s="613"/>
      <c r="BJ74" s="613"/>
      <c r="BK74" s="613"/>
      <c r="BL74" s="613"/>
      <c r="BM74" s="613"/>
      <c r="BN74" s="613"/>
      <c r="BO74" s="613"/>
      <c r="BP74" s="613"/>
    </row>
    <row r="75" spans="30:68" ht="10.5" customHeight="1" x14ac:dyDescent="0.15">
      <c r="AD75" s="613"/>
      <c r="AE75" s="613"/>
      <c r="AF75" s="613"/>
      <c r="AG75" s="613"/>
      <c r="AH75" s="613"/>
      <c r="AI75" s="613"/>
      <c r="AJ75" s="613"/>
      <c r="AK75" s="613"/>
      <c r="AL75" s="613"/>
      <c r="AM75" s="613"/>
      <c r="AN75" s="613"/>
      <c r="AO75" s="613"/>
      <c r="AP75" s="613"/>
      <c r="AQ75" s="613"/>
      <c r="AR75" s="613"/>
      <c r="AS75" s="613"/>
      <c r="AT75" s="613"/>
      <c r="AU75" s="613"/>
      <c r="AV75" s="613"/>
      <c r="AW75" s="613"/>
      <c r="AX75" s="613"/>
      <c r="AY75" s="613"/>
      <c r="AZ75" s="613"/>
      <c r="BA75" s="613"/>
      <c r="BB75" s="613"/>
      <c r="BC75" s="613"/>
      <c r="BD75" s="613"/>
      <c r="BE75" s="613"/>
      <c r="BF75" s="613"/>
      <c r="BG75" s="613"/>
      <c r="BH75" s="613"/>
      <c r="BI75" s="613"/>
      <c r="BJ75" s="613"/>
      <c r="BK75" s="613"/>
      <c r="BL75" s="613"/>
      <c r="BM75" s="613"/>
      <c r="BN75" s="613"/>
      <c r="BO75" s="613"/>
      <c r="BP75" s="613"/>
    </row>
    <row r="76" spans="30:68" ht="10.5" customHeight="1" x14ac:dyDescent="0.15">
      <c r="AD76" s="613"/>
      <c r="AE76" s="613"/>
      <c r="AF76" s="613"/>
      <c r="AG76" s="613"/>
      <c r="AH76" s="613"/>
      <c r="AI76" s="613"/>
      <c r="AJ76" s="613"/>
      <c r="AK76" s="613"/>
      <c r="AL76" s="613"/>
      <c r="AM76" s="613"/>
      <c r="AN76" s="613"/>
      <c r="AO76" s="613"/>
      <c r="AP76" s="613"/>
      <c r="AQ76" s="613"/>
      <c r="AR76" s="613"/>
      <c r="AS76" s="613"/>
      <c r="AT76" s="613"/>
      <c r="AU76" s="613"/>
      <c r="AV76" s="613"/>
      <c r="AW76" s="613"/>
      <c r="AX76" s="613"/>
      <c r="AY76" s="613"/>
      <c r="AZ76" s="613"/>
      <c r="BA76" s="613"/>
      <c r="BB76" s="613"/>
      <c r="BC76" s="613"/>
      <c r="BD76" s="613"/>
      <c r="BE76" s="613"/>
      <c r="BF76" s="613"/>
      <c r="BG76" s="613"/>
      <c r="BH76" s="613"/>
      <c r="BI76" s="613"/>
      <c r="BJ76" s="613"/>
      <c r="BK76" s="613"/>
      <c r="BL76" s="613"/>
      <c r="BM76" s="613"/>
      <c r="BN76" s="613"/>
      <c r="BO76" s="613"/>
      <c r="BP76" s="613"/>
    </row>
    <row r="77" spans="30:68" ht="10.5" customHeight="1" x14ac:dyDescent="0.15">
      <c r="AD77" s="613"/>
      <c r="AE77" s="613"/>
      <c r="AF77" s="613"/>
      <c r="AG77" s="613"/>
      <c r="AH77" s="613"/>
      <c r="AI77" s="613"/>
      <c r="AJ77" s="613"/>
      <c r="AK77" s="613"/>
      <c r="AL77" s="613"/>
      <c r="AM77" s="613"/>
      <c r="AN77" s="613"/>
      <c r="AO77" s="613"/>
      <c r="AP77" s="613"/>
      <c r="AQ77" s="613"/>
      <c r="AR77" s="613"/>
      <c r="AS77" s="613"/>
      <c r="AT77" s="613"/>
      <c r="AU77" s="613"/>
      <c r="AV77" s="613"/>
      <c r="AW77" s="613"/>
      <c r="AX77" s="613"/>
      <c r="AY77" s="613"/>
      <c r="AZ77" s="613"/>
      <c r="BA77" s="613"/>
      <c r="BB77" s="613"/>
      <c r="BC77" s="613"/>
      <c r="BD77" s="613"/>
      <c r="BE77" s="613"/>
      <c r="BF77" s="613"/>
      <c r="BG77" s="613"/>
      <c r="BH77" s="613"/>
      <c r="BI77" s="613"/>
      <c r="BJ77" s="613"/>
      <c r="BK77" s="613"/>
      <c r="BL77" s="613"/>
      <c r="BM77" s="613"/>
      <c r="BN77" s="613"/>
      <c r="BO77" s="613"/>
      <c r="BP77" s="613"/>
    </row>
    <row r="78" spans="30:68" ht="10.5" customHeight="1" x14ac:dyDescent="0.15">
      <c r="AD78" s="613"/>
      <c r="AE78" s="613"/>
      <c r="AF78" s="613"/>
      <c r="AG78" s="613"/>
      <c r="AH78" s="613"/>
      <c r="AI78" s="613"/>
      <c r="AJ78" s="613"/>
      <c r="AK78" s="613"/>
      <c r="AL78" s="613"/>
      <c r="AM78" s="613"/>
      <c r="AN78" s="613"/>
      <c r="AO78" s="613"/>
      <c r="AP78" s="613"/>
      <c r="AQ78" s="613"/>
      <c r="AR78" s="613"/>
      <c r="AS78" s="613"/>
      <c r="AT78" s="613"/>
      <c r="AU78" s="613"/>
      <c r="AV78" s="613"/>
      <c r="AW78" s="613"/>
      <c r="AX78" s="613"/>
      <c r="AY78" s="613"/>
      <c r="AZ78" s="613"/>
      <c r="BA78" s="613"/>
      <c r="BB78" s="613"/>
      <c r="BC78" s="613"/>
      <c r="BD78" s="613"/>
      <c r="BE78" s="613"/>
      <c r="BF78" s="613"/>
      <c r="BG78" s="613"/>
      <c r="BH78" s="613"/>
      <c r="BI78" s="613"/>
      <c r="BJ78" s="613"/>
      <c r="BK78" s="613"/>
      <c r="BL78" s="613"/>
      <c r="BM78" s="613"/>
      <c r="BN78" s="613"/>
      <c r="BO78" s="613"/>
      <c r="BP78" s="613"/>
    </row>
    <row r="79" spans="30:68" ht="10.5" customHeight="1" x14ac:dyDescent="0.15">
      <c r="AD79" s="613"/>
      <c r="AE79" s="613"/>
      <c r="AF79" s="613"/>
      <c r="AG79" s="613"/>
      <c r="AH79" s="613"/>
      <c r="AI79" s="613"/>
      <c r="AJ79" s="613"/>
      <c r="AK79" s="613"/>
      <c r="AL79" s="613"/>
      <c r="AM79" s="613"/>
      <c r="AN79" s="613"/>
      <c r="AO79" s="613"/>
      <c r="AP79" s="613"/>
      <c r="AQ79" s="613"/>
      <c r="AR79" s="613"/>
      <c r="AS79" s="613"/>
      <c r="AT79" s="613"/>
      <c r="AU79" s="613"/>
      <c r="AV79" s="613"/>
      <c r="AW79" s="613"/>
      <c r="AX79" s="613"/>
      <c r="AY79" s="613"/>
      <c r="AZ79" s="613"/>
      <c r="BA79" s="613"/>
      <c r="BB79" s="613"/>
      <c r="BC79" s="613"/>
      <c r="BD79" s="613"/>
      <c r="BE79" s="613"/>
      <c r="BF79" s="613"/>
      <c r="BG79" s="613"/>
      <c r="BH79" s="613"/>
      <c r="BI79" s="613"/>
      <c r="BJ79" s="613"/>
      <c r="BK79" s="613"/>
      <c r="BL79" s="613"/>
      <c r="BM79" s="613"/>
      <c r="BN79" s="613"/>
      <c r="BO79" s="613"/>
      <c r="BP79" s="613"/>
    </row>
    <row r="80" spans="30:68" ht="10.5" customHeight="1" x14ac:dyDescent="0.15">
      <c r="AD80" s="613"/>
      <c r="AE80" s="613"/>
      <c r="AF80" s="613"/>
      <c r="AG80" s="613"/>
      <c r="AH80" s="613"/>
      <c r="AI80" s="613"/>
      <c r="AJ80" s="613"/>
      <c r="AK80" s="613"/>
      <c r="AL80" s="613"/>
      <c r="AM80" s="613"/>
      <c r="AN80" s="613"/>
      <c r="AO80" s="613"/>
      <c r="AP80" s="613"/>
      <c r="AQ80" s="613"/>
      <c r="AR80" s="613"/>
      <c r="AS80" s="613"/>
      <c r="AT80" s="613"/>
      <c r="AU80" s="613"/>
      <c r="AV80" s="613"/>
      <c r="AW80" s="613"/>
      <c r="AX80" s="613"/>
      <c r="AY80" s="613"/>
      <c r="AZ80" s="613"/>
      <c r="BA80" s="613"/>
      <c r="BB80" s="613"/>
      <c r="BC80" s="613"/>
      <c r="BD80" s="613"/>
      <c r="BE80" s="613"/>
      <c r="BF80" s="613"/>
      <c r="BG80" s="613"/>
      <c r="BH80" s="613"/>
      <c r="BI80" s="613"/>
      <c r="BJ80" s="613"/>
      <c r="BK80" s="613"/>
      <c r="BL80" s="613"/>
      <c r="BM80" s="613"/>
      <c r="BN80" s="613"/>
      <c r="BO80" s="613"/>
      <c r="BP80" s="613"/>
    </row>
    <row r="81" spans="30:68" ht="10.5" customHeight="1" x14ac:dyDescent="0.15">
      <c r="AD81" s="613"/>
      <c r="AE81" s="613"/>
      <c r="AF81" s="613"/>
      <c r="AG81" s="613"/>
      <c r="AH81" s="613"/>
      <c r="AI81" s="613"/>
      <c r="AJ81" s="613"/>
      <c r="AK81" s="613"/>
      <c r="AL81" s="613"/>
      <c r="AM81" s="613"/>
      <c r="AN81" s="613"/>
      <c r="AO81" s="613"/>
      <c r="AP81" s="613"/>
      <c r="AQ81" s="613"/>
      <c r="AR81" s="613"/>
      <c r="AS81" s="613"/>
      <c r="AT81" s="613"/>
      <c r="AU81" s="613"/>
      <c r="AV81" s="613"/>
      <c r="AW81" s="613"/>
      <c r="AX81" s="613"/>
      <c r="AY81" s="613"/>
      <c r="AZ81" s="613"/>
      <c r="BA81" s="613"/>
      <c r="BB81" s="613"/>
      <c r="BC81" s="613"/>
      <c r="BD81" s="613"/>
      <c r="BE81" s="613"/>
      <c r="BF81" s="613"/>
      <c r="BG81" s="613"/>
      <c r="BH81" s="613"/>
      <c r="BI81" s="613"/>
      <c r="BJ81" s="613"/>
      <c r="BK81" s="613"/>
      <c r="BL81" s="613"/>
      <c r="BM81" s="613"/>
      <c r="BN81" s="613"/>
      <c r="BO81" s="613"/>
      <c r="BP81" s="613"/>
    </row>
  </sheetData>
  <mergeCells count="35">
    <mergeCell ref="AD4:AD5"/>
    <mergeCell ref="AE4:AF5"/>
    <mergeCell ref="AI4:AJ5"/>
    <mergeCell ref="AG4:AH5"/>
    <mergeCell ref="A3:B6"/>
    <mergeCell ref="Z4:AA5"/>
    <mergeCell ref="W4:Y5"/>
    <mergeCell ref="T4:V5"/>
    <mergeCell ref="C5:E5"/>
    <mergeCell ref="A48:B48"/>
    <mergeCell ref="O40:P40"/>
    <mergeCell ref="O47:P47"/>
    <mergeCell ref="O48:P48"/>
    <mergeCell ref="A40:B40"/>
    <mergeCell ref="A47:B47"/>
    <mergeCell ref="F5:H5"/>
    <mergeCell ref="AO5:AO6"/>
    <mergeCell ref="BB3:BC5"/>
    <mergeCell ref="AR3:AS6"/>
    <mergeCell ref="AM5:AM6"/>
    <mergeCell ref="AT3:BA4"/>
    <mergeCell ref="AN5:AN6"/>
    <mergeCell ref="AM3:AO4"/>
    <mergeCell ref="AK3:AL5"/>
    <mergeCell ref="AD3:AJ3"/>
    <mergeCell ref="AB40:AC40"/>
    <mergeCell ref="AB47:AC47"/>
    <mergeCell ref="AB48:AC48"/>
    <mergeCell ref="C3:N3"/>
    <mergeCell ref="I5:K5"/>
    <mergeCell ref="L5:N5"/>
    <mergeCell ref="Q4:S5"/>
    <mergeCell ref="O3:P6"/>
    <mergeCell ref="AB3:AC6"/>
    <mergeCell ref="Q3:AA3"/>
  </mergeCells>
  <phoneticPr fontId="12"/>
  <printOptions verticalCentered="1"/>
  <pageMargins left="0.6692913385826772" right="0" top="0.59055118110236227" bottom="0.39370078740157483" header="0.51181102362204722" footer="0.51181102362204722"/>
  <pageSetup paperSize="9" scale="85" orientation="landscape" blackAndWhite="1" r:id="rId1"/>
  <headerFooter alignWithMargins="0"/>
  <colBreaks count="2" manualBreakCount="2">
    <brk id="14" max="48" man="1"/>
    <brk id="27" max="48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valuation="1"/>
  <dimension ref="A1:BC52"/>
  <sheetViews>
    <sheetView zoomScaleNormal="100" zoomScaleSheetLayoutView="100" workbookViewId="0">
      <pane xSplit="2" ySplit="6" topLeftCell="C7" activePane="bottomRight" state="frozen"/>
      <selection pane="topRight" activeCell="C1" sqref="C1"/>
      <selection pane="bottomLeft" activeCell="A7" sqref="A7"/>
      <selection pane="bottomRight"/>
    </sheetView>
  </sheetViews>
  <sheetFormatPr defaultColWidth="9" defaultRowHeight="10.5" customHeight="1" x14ac:dyDescent="0.15"/>
  <cols>
    <col min="1" max="1" width="3.6640625" style="644" customWidth="1"/>
    <col min="2" max="2" width="10" style="644" customWidth="1"/>
    <col min="3" max="3" width="8.77734375" style="644" customWidth="1"/>
    <col min="4" max="4" width="10.109375" style="644" customWidth="1"/>
    <col min="5" max="5" width="13.77734375" style="644" customWidth="1"/>
    <col min="6" max="6" width="8.88671875" style="644" customWidth="1"/>
    <col min="7" max="7" width="10" style="644" customWidth="1"/>
    <col min="8" max="8" width="13.77734375" style="644" customWidth="1"/>
    <col min="9" max="9" width="9.6640625" style="644" customWidth="1"/>
    <col min="10" max="10" width="10.6640625" style="644" customWidth="1"/>
    <col min="11" max="11" width="13.77734375" style="644" customWidth="1"/>
    <col min="12" max="12" width="10" style="644" customWidth="1"/>
    <col min="13" max="13" width="10.6640625" style="644" customWidth="1"/>
    <col min="14" max="14" width="13.77734375" style="644" customWidth="1"/>
    <col min="15" max="15" width="3.6640625" style="644" customWidth="1"/>
    <col min="16" max="17" width="10.6640625" style="644" customWidth="1"/>
    <col min="18" max="18" width="11.21875" style="644" customWidth="1"/>
    <col min="19" max="19" width="13.77734375" style="644" customWidth="1"/>
    <col min="20" max="20" width="10.6640625" style="644" customWidth="1"/>
    <col min="21" max="21" width="11.33203125" style="644" customWidth="1"/>
    <col min="22" max="22" width="13.77734375" style="644" customWidth="1"/>
    <col min="23" max="23" width="10" style="644" customWidth="1"/>
    <col min="24" max="24" width="10.6640625" style="644" customWidth="1"/>
    <col min="25" max="25" width="13.77734375" style="644" customWidth="1"/>
    <col min="26" max="26" width="11.33203125" style="644" customWidth="1"/>
    <col min="27" max="27" width="15.6640625" style="644" customWidth="1"/>
    <col min="28" max="28" width="3.6640625" style="644" customWidth="1"/>
    <col min="29" max="29" width="10" style="644" customWidth="1"/>
    <col min="30" max="30" width="6.6640625" style="644" customWidth="1"/>
    <col min="31" max="31" width="7.44140625" style="644" customWidth="1"/>
    <col min="32" max="32" width="12" style="644" customWidth="1"/>
    <col min="33" max="33" width="4.44140625" style="644" customWidth="1"/>
    <col min="34" max="34" width="9.6640625" style="644" customWidth="1"/>
    <col min="35" max="35" width="6.109375" style="644" customWidth="1"/>
    <col min="36" max="37" width="8.77734375" style="644" customWidth="1"/>
    <col min="38" max="38" width="15.6640625" style="644" customWidth="1"/>
    <col min="39" max="39" width="15.77734375" style="644" customWidth="1"/>
    <col min="40" max="40" width="15.88671875" style="644" customWidth="1"/>
    <col min="41" max="41" width="12.88671875" style="644" customWidth="1"/>
    <col min="42" max="42" width="9.6640625" style="644" customWidth="1"/>
    <col min="43" max="43" width="13.77734375" style="644" customWidth="1"/>
    <col min="44" max="44" width="3.6640625" style="644" hidden="1" customWidth="1"/>
    <col min="45" max="46" width="7.6640625" style="644" hidden="1" customWidth="1"/>
    <col min="47" max="47" width="15.6640625" style="644" hidden="1" customWidth="1"/>
    <col min="48" max="48" width="7.6640625" style="644" hidden="1" customWidth="1"/>
    <col min="49" max="49" width="15.44140625" style="644" hidden="1" customWidth="1"/>
    <col min="50" max="50" width="7.6640625" style="644" hidden="1" customWidth="1"/>
    <col min="51" max="51" width="15" style="644" hidden="1" customWidth="1"/>
    <col min="52" max="52" width="7.6640625" style="644" hidden="1" customWidth="1"/>
    <col min="53" max="53" width="16.21875" style="644" hidden="1" customWidth="1"/>
    <col min="54" max="54" width="13.6640625" style="644" hidden="1" customWidth="1"/>
    <col min="55" max="55" width="18.77734375" style="644" hidden="1" customWidth="1"/>
    <col min="56" max="58" width="9" style="644"/>
    <col min="59" max="59" width="0" style="644" hidden="1" customWidth="1"/>
    <col min="60" max="16384" width="9" style="644"/>
  </cols>
  <sheetData>
    <row r="1" spans="1:55" s="482" customFormat="1" ht="15" customHeight="1" x14ac:dyDescent="0.2">
      <c r="A1" s="1272" t="s">
        <v>571</v>
      </c>
      <c r="B1" s="1272"/>
      <c r="D1" s="1272"/>
      <c r="E1" s="1272"/>
      <c r="F1" s="1272"/>
      <c r="G1" s="1272"/>
      <c r="H1" s="1272"/>
      <c r="I1" s="1272"/>
      <c r="J1" s="1272"/>
      <c r="K1" s="1272"/>
      <c r="L1" s="1272"/>
      <c r="M1" s="1272"/>
      <c r="N1" s="1272"/>
      <c r="O1" s="1272" t="s">
        <v>570</v>
      </c>
      <c r="P1" s="1272"/>
      <c r="R1" s="1272"/>
      <c r="S1" s="1272"/>
      <c r="T1" s="1272"/>
      <c r="U1" s="1272"/>
      <c r="V1" s="1272"/>
      <c r="W1" s="1272"/>
      <c r="X1" s="1272"/>
      <c r="Y1" s="1272"/>
      <c r="Z1" s="1272"/>
      <c r="AA1" s="1272"/>
      <c r="AB1" s="1272" t="s">
        <v>569</v>
      </c>
      <c r="AC1" s="1272"/>
      <c r="AE1" s="1272"/>
      <c r="AF1" s="1272"/>
      <c r="AG1" s="1272"/>
      <c r="AH1" s="1272"/>
      <c r="AI1" s="1272"/>
      <c r="AJ1" s="1272"/>
      <c r="AK1" s="1353"/>
      <c r="AL1" s="1272"/>
      <c r="AN1" s="1272"/>
      <c r="AO1" s="1272"/>
      <c r="AP1" s="1272"/>
      <c r="AQ1" s="1352"/>
      <c r="AR1" s="1272" t="s">
        <v>568</v>
      </c>
      <c r="AS1" s="1272"/>
      <c r="AU1" s="1272"/>
      <c r="AV1" s="1272"/>
      <c r="AW1" s="1272"/>
      <c r="AX1" s="1272"/>
      <c r="AY1" s="1272"/>
      <c r="AZ1" s="1272"/>
      <c r="BA1" s="1272"/>
      <c r="BB1" s="1272"/>
      <c r="BC1" s="1272"/>
    </row>
    <row r="2" spans="1:55" ht="15" customHeight="1" thickBot="1" x14ac:dyDescent="0.2">
      <c r="A2" s="1269"/>
      <c r="B2" s="1269"/>
      <c r="D2" s="1269"/>
      <c r="E2" s="1269"/>
      <c r="F2" s="1269"/>
      <c r="G2" s="1269"/>
      <c r="H2" s="1269"/>
      <c r="I2" s="1269"/>
      <c r="J2" s="1269"/>
      <c r="K2" s="1269"/>
      <c r="L2" s="1269"/>
      <c r="M2" s="1269"/>
      <c r="N2" s="1270" t="s">
        <v>258</v>
      </c>
      <c r="O2" s="1269"/>
      <c r="P2" s="1269"/>
      <c r="R2" s="1269"/>
      <c r="S2" s="1269"/>
      <c r="T2" s="1269"/>
      <c r="U2" s="1269"/>
      <c r="V2" s="1269"/>
      <c r="W2" s="1269"/>
      <c r="X2" s="1269"/>
      <c r="Y2" s="1269"/>
      <c r="Z2" s="1269"/>
      <c r="AA2" s="1270" t="s">
        <v>258</v>
      </c>
      <c r="AB2" s="1269"/>
      <c r="AC2" s="1269"/>
      <c r="AE2" s="1269"/>
      <c r="AF2" s="1269"/>
      <c r="AG2" s="1269"/>
      <c r="AH2" s="1269"/>
      <c r="AI2" s="1269"/>
      <c r="AJ2" s="1269"/>
      <c r="AK2" s="1271"/>
      <c r="AL2" s="1269"/>
      <c r="AN2" s="1269"/>
      <c r="AO2" s="1269"/>
      <c r="AP2" s="1269"/>
      <c r="AQ2" s="1270" t="s">
        <v>258</v>
      </c>
      <c r="AR2" s="1269"/>
      <c r="AS2" s="1269"/>
      <c r="AU2" s="1269"/>
      <c r="AV2" s="1269"/>
      <c r="AW2" s="1269"/>
      <c r="AX2" s="1269"/>
      <c r="AY2" s="1269"/>
      <c r="AZ2" s="1269"/>
      <c r="BA2" s="1269"/>
      <c r="BB2" s="1269"/>
      <c r="BC2" s="1269"/>
    </row>
    <row r="3" spans="1:55" s="613" customFormat="1" ht="11.25" customHeight="1" x14ac:dyDescent="0.15">
      <c r="A3" s="1043" t="s">
        <v>236</v>
      </c>
      <c r="B3" s="1044"/>
      <c r="C3" s="1267" t="s">
        <v>263</v>
      </c>
      <c r="D3" s="1266"/>
      <c r="E3" s="1266"/>
      <c r="F3" s="1266"/>
      <c r="G3" s="1266"/>
      <c r="H3" s="1266"/>
      <c r="I3" s="1266"/>
      <c r="J3" s="1266"/>
      <c r="K3" s="1266"/>
      <c r="L3" s="1266"/>
      <c r="M3" s="1266"/>
      <c r="N3" s="1265"/>
      <c r="O3" s="1043" t="s">
        <v>236</v>
      </c>
      <c r="P3" s="1044"/>
      <c r="Q3" s="1267" t="s">
        <v>503</v>
      </c>
      <c r="R3" s="1266"/>
      <c r="S3" s="1266"/>
      <c r="T3" s="1266"/>
      <c r="U3" s="1266"/>
      <c r="V3" s="1266"/>
      <c r="W3" s="1266"/>
      <c r="X3" s="1266"/>
      <c r="Y3" s="1266"/>
      <c r="Z3" s="1266"/>
      <c r="AA3" s="1265"/>
      <c r="AB3" s="1043" t="s">
        <v>236</v>
      </c>
      <c r="AC3" s="1044"/>
      <c r="AD3" s="1351" t="s">
        <v>567</v>
      </c>
      <c r="AE3" s="1350"/>
      <c r="AF3" s="1350"/>
      <c r="AG3" s="1350"/>
      <c r="AH3" s="1350"/>
      <c r="AI3" s="1350"/>
      <c r="AJ3" s="1349"/>
      <c r="AK3" s="1348" t="s">
        <v>566</v>
      </c>
      <c r="AL3" s="1347"/>
      <c r="AM3" s="1346" t="s">
        <v>565</v>
      </c>
      <c r="AN3" s="1259"/>
      <c r="AO3" s="1345"/>
      <c r="AP3" s="1344"/>
      <c r="AQ3" s="1257"/>
      <c r="AR3" s="1255" t="s">
        <v>236</v>
      </c>
      <c r="AS3" s="1255"/>
      <c r="AT3" s="1256" t="s">
        <v>271</v>
      </c>
      <c r="AU3" s="1255"/>
      <c r="AV3" s="1255"/>
      <c r="AW3" s="1255"/>
      <c r="AX3" s="1255"/>
      <c r="AY3" s="1255"/>
      <c r="AZ3" s="1255"/>
      <c r="BA3" s="1254"/>
      <c r="BB3" s="1343" t="s">
        <v>564</v>
      </c>
      <c r="BC3" s="1342"/>
    </row>
    <row r="4" spans="1:55" s="613" customFormat="1" ht="11.25" customHeight="1" x14ac:dyDescent="0.15">
      <c r="A4" s="1045"/>
      <c r="B4" s="1046"/>
      <c r="C4" s="1251" t="s">
        <v>273</v>
      </c>
      <c r="D4" s="1249"/>
      <c r="E4" s="1249"/>
      <c r="F4" s="1249"/>
      <c r="G4" s="1249"/>
      <c r="H4" s="1250"/>
      <c r="I4" s="1249"/>
      <c r="J4" s="1249"/>
      <c r="K4" s="1249"/>
      <c r="L4" s="1249"/>
      <c r="M4" s="1249"/>
      <c r="N4" s="1248"/>
      <c r="O4" s="1045"/>
      <c r="P4" s="1046"/>
      <c r="Q4" s="1247" t="s">
        <v>499</v>
      </c>
      <c r="R4" s="1245"/>
      <c r="S4" s="1245"/>
      <c r="T4" s="1247" t="s">
        <v>498</v>
      </c>
      <c r="U4" s="1245"/>
      <c r="V4" s="1204"/>
      <c r="W4" s="1244" t="s">
        <v>563</v>
      </c>
      <c r="X4" s="1245"/>
      <c r="Y4" s="1204"/>
      <c r="Z4" s="1244" t="s">
        <v>562</v>
      </c>
      <c r="AA4" s="1243"/>
      <c r="AB4" s="1045"/>
      <c r="AC4" s="1046"/>
      <c r="AD4" s="1341" t="s">
        <v>561</v>
      </c>
      <c r="AE4" s="1340" t="s">
        <v>494</v>
      </c>
      <c r="AF4" s="1339"/>
      <c r="AG4" s="1338"/>
      <c r="AH4" s="1337"/>
      <c r="AI4" s="1238" t="s">
        <v>492</v>
      </c>
      <c r="AJ4" s="1336"/>
      <c r="AK4" s="1335"/>
      <c r="AL4" s="1334"/>
      <c r="AM4" s="1208"/>
      <c r="AN4" s="1207"/>
      <c r="AO4" s="1319"/>
      <c r="AP4" s="1333" t="s">
        <v>560</v>
      </c>
      <c r="AQ4" s="1233"/>
      <c r="AR4" s="1312"/>
      <c r="AS4" s="1312"/>
      <c r="AT4" s="1232"/>
      <c r="AU4" s="1231"/>
      <c r="AV4" s="1231"/>
      <c r="AW4" s="1231"/>
      <c r="AX4" s="1231"/>
      <c r="AY4" s="1231"/>
      <c r="AZ4" s="1231"/>
      <c r="BA4" s="1230"/>
      <c r="BB4" s="1332"/>
      <c r="BC4" s="1331"/>
    </row>
    <row r="5" spans="1:55" s="613" customFormat="1" ht="10.5" customHeight="1" x14ac:dyDescent="0.15">
      <c r="A5" s="1045"/>
      <c r="B5" s="1046"/>
      <c r="C5" s="1224" t="s">
        <v>559</v>
      </c>
      <c r="D5" s="1223"/>
      <c r="E5" s="1225"/>
      <c r="F5" s="1327" t="s">
        <v>558</v>
      </c>
      <c r="G5" s="1326"/>
      <c r="H5" s="1330"/>
      <c r="I5" s="1329" t="s">
        <v>557</v>
      </c>
      <c r="J5" s="1326"/>
      <c r="K5" s="1328"/>
      <c r="L5" s="1327" t="s">
        <v>556</v>
      </c>
      <c r="M5" s="1326"/>
      <c r="N5" s="1325"/>
      <c r="O5" s="1045"/>
      <c r="P5" s="1046"/>
      <c r="Q5" s="1220"/>
      <c r="R5" s="1218"/>
      <c r="S5" s="1218"/>
      <c r="T5" s="1220"/>
      <c r="U5" s="1218"/>
      <c r="V5" s="1217"/>
      <c r="W5" s="1216"/>
      <c r="X5" s="1218"/>
      <c r="Y5" s="1217"/>
      <c r="Z5" s="1216"/>
      <c r="AA5" s="1215"/>
      <c r="AB5" s="1045"/>
      <c r="AC5" s="1046"/>
      <c r="AD5" s="1324"/>
      <c r="AE5" s="1323"/>
      <c r="AF5" s="1322"/>
      <c r="AG5" s="1321" t="s">
        <v>493</v>
      </c>
      <c r="AH5" s="1320"/>
      <c r="AI5" s="1208"/>
      <c r="AJ5" s="1319"/>
      <c r="AK5" s="1318"/>
      <c r="AL5" s="1317"/>
      <c r="AM5" s="1316" t="s">
        <v>293</v>
      </c>
      <c r="AN5" s="1203" t="s">
        <v>555</v>
      </c>
      <c r="AO5" s="1315" t="s">
        <v>554</v>
      </c>
      <c r="AP5" s="1314"/>
      <c r="AQ5" s="1313"/>
      <c r="AR5" s="1312"/>
      <c r="AS5" s="1312"/>
      <c r="AT5" s="1311" t="s">
        <v>484</v>
      </c>
      <c r="AU5" s="1308"/>
      <c r="AV5" s="1251" t="s">
        <v>483</v>
      </c>
      <c r="AW5" s="1249"/>
      <c r="AX5" s="1309" t="s">
        <v>37</v>
      </c>
      <c r="AY5" s="1310"/>
      <c r="AZ5" s="1309" t="s">
        <v>482</v>
      </c>
      <c r="BA5" s="1308"/>
      <c r="BB5" s="1307"/>
      <c r="BC5" s="1306"/>
    </row>
    <row r="6" spans="1:55" s="613" customFormat="1" ht="11.25" customHeight="1" thickBot="1" x14ac:dyDescent="0.2">
      <c r="A6" s="1047"/>
      <c r="B6" s="1048"/>
      <c r="C6" s="1296" t="s">
        <v>301</v>
      </c>
      <c r="D6" s="1305" t="s">
        <v>302</v>
      </c>
      <c r="E6" s="1297" t="s">
        <v>303</v>
      </c>
      <c r="F6" s="1296" t="s">
        <v>301</v>
      </c>
      <c r="G6" s="1305" t="s">
        <v>302</v>
      </c>
      <c r="H6" s="1294" t="s">
        <v>303</v>
      </c>
      <c r="I6" s="1304" t="s">
        <v>301</v>
      </c>
      <c r="J6" s="1305" t="s">
        <v>302</v>
      </c>
      <c r="K6" s="1297" t="s">
        <v>303</v>
      </c>
      <c r="L6" s="1296" t="s">
        <v>301</v>
      </c>
      <c r="M6" s="1305" t="s">
        <v>302</v>
      </c>
      <c r="N6" s="1299" t="s">
        <v>303</v>
      </c>
      <c r="O6" s="1047"/>
      <c r="P6" s="1048"/>
      <c r="Q6" s="1304" t="s">
        <v>301</v>
      </c>
      <c r="R6" s="1296" t="s">
        <v>304</v>
      </c>
      <c r="S6" s="1297" t="s">
        <v>303</v>
      </c>
      <c r="T6" s="1304" t="s">
        <v>301</v>
      </c>
      <c r="U6" s="1305" t="s">
        <v>302</v>
      </c>
      <c r="V6" s="1296" t="s">
        <v>303</v>
      </c>
      <c r="W6" s="1296" t="s">
        <v>301</v>
      </c>
      <c r="X6" s="1305" t="s">
        <v>302</v>
      </c>
      <c r="Y6" s="1297" t="s">
        <v>303</v>
      </c>
      <c r="Z6" s="1296" t="s">
        <v>478</v>
      </c>
      <c r="AA6" s="1299" t="s">
        <v>303</v>
      </c>
      <c r="AB6" s="1047"/>
      <c r="AC6" s="1048"/>
      <c r="AD6" s="1185" t="s">
        <v>481</v>
      </c>
      <c r="AE6" s="1297" t="s">
        <v>553</v>
      </c>
      <c r="AF6" s="1296" t="s">
        <v>310</v>
      </c>
      <c r="AG6" s="1296" t="s">
        <v>480</v>
      </c>
      <c r="AH6" s="1296" t="s">
        <v>479</v>
      </c>
      <c r="AI6" s="1296" t="s">
        <v>553</v>
      </c>
      <c r="AJ6" s="1294" t="s">
        <v>310</v>
      </c>
      <c r="AK6" s="1304" t="s">
        <v>553</v>
      </c>
      <c r="AL6" s="1297" t="s">
        <v>310</v>
      </c>
      <c r="AM6" s="1303"/>
      <c r="AN6" s="1302"/>
      <c r="AO6" s="1301"/>
      <c r="AP6" s="1300" t="s">
        <v>301</v>
      </c>
      <c r="AQ6" s="1299" t="s">
        <v>309</v>
      </c>
      <c r="AR6" s="1298"/>
      <c r="AS6" s="1298"/>
      <c r="AT6" s="1297" t="s">
        <v>301</v>
      </c>
      <c r="AU6" s="1297" t="s">
        <v>303</v>
      </c>
      <c r="AV6" s="1297" t="s">
        <v>301</v>
      </c>
      <c r="AW6" s="1297" t="s">
        <v>310</v>
      </c>
      <c r="AX6" s="1297" t="s">
        <v>301</v>
      </c>
      <c r="AY6" s="1296" t="s">
        <v>310</v>
      </c>
      <c r="AZ6" s="1297" t="s">
        <v>301</v>
      </c>
      <c r="BA6" s="1296" t="s">
        <v>310</v>
      </c>
      <c r="BB6" s="1295" t="s">
        <v>301</v>
      </c>
      <c r="BC6" s="1294" t="s">
        <v>310</v>
      </c>
    </row>
    <row r="7" spans="1:55" s="613" customFormat="1" ht="12.75" customHeight="1" thickTop="1" x14ac:dyDescent="0.15">
      <c r="A7" s="518">
        <v>1</v>
      </c>
      <c r="B7" s="1152" t="s">
        <v>477</v>
      </c>
      <c r="C7" s="1147">
        <v>2108</v>
      </c>
      <c r="D7" s="1147">
        <v>15487</v>
      </c>
      <c r="E7" s="1147">
        <v>1033320500</v>
      </c>
      <c r="F7" s="1147">
        <v>145615</v>
      </c>
      <c r="G7" s="1147">
        <v>219198</v>
      </c>
      <c r="H7" s="1147">
        <v>1266535995</v>
      </c>
      <c r="I7" s="1147">
        <v>21990</v>
      </c>
      <c r="J7" s="1147">
        <v>30757</v>
      </c>
      <c r="K7" s="1147">
        <v>247199930</v>
      </c>
      <c r="L7" s="1147">
        <v>169713</v>
      </c>
      <c r="M7" s="1147">
        <v>265442</v>
      </c>
      <c r="N7" s="1165">
        <v>2547056425</v>
      </c>
      <c r="O7" s="518">
        <v>1</v>
      </c>
      <c r="P7" s="1152" t="s">
        <v>477</v>
      </c>
      <c r="Q7" s="1147">
        <v>114680</v>
      </c>
      <c r="R7" s="1147">
        <v>156965</v>
      </c>
      <c r="S7" s="1147">
        <v>532969140</v>
      </c>
      <c r="T7" s="1147">
        <v>1679</v>
      </c>
      <c r="U7" s="1147">
        <v>29446</v>
      </c>
      <c r="V7" s="1147">
        <v>18933344</v>
      </c>
      <c r="W7" s="1147">
        <v>251</v>
      </c>
      <c r="X7" s="1147">
        <v>839</v>
      </c>
      <c r="Y7" s="1147">
        <v>12363630</v>
      </c>
      <c r="Z7" s="1147">
        <v>284644</v>
      </c>
      <c r="AA7" s="1165">
        <v>3111322539</v>
      </c>
      <c r="AB7" s="518">
        <v>1</v>
      </c>
      <c r="AC7" s="1152" t="s">
        <v>477</v>
      </c>
      <c r="AD7" s="1147">
        <v>10</v>
      </c>
      <c r="AE7" s="1147">
        <v>1059</v>
      </c>
      <c r="AF7" s="1147">
        <v>13876408</v>
      </c>
      <c r="AG7" s="1147">
        <v>56</v>
      </c>
      <c r="AH7" s="1147">
        <v>1243422</v>
      </c>
      <c r="AI7" s="1147">
        <v>0</v>
      </c>
      <c r="AJ7" s="1285">
        <v>0</v>
      </c>
      <c r="AK7" s="1140">
        <v>285713</v>
      </c>
      <c r="AL7" s="1138">
        <v>3125198947</v>
      </c>
      <c r="AM7" s="1147">
        <v>2491351707</v>
      </c>
      <c r="AN7" s="1147">
        <v>174238410</v>
      </c>
      <c r="AO7" s="1285">
        <v>459608830</v>
      </c>
      <c r="AP7" s="1147">
        <v>1790</v>
      </c>
      <c r="AQ7" s="1165">
        <v>129233369</v>
      </c>
    </row>
    <row r="8" spans="1:55" s="613" customFormat="1" ht="12.75" customHeight="1" x14ac:dyDescent="0.15">
      <c r="A8" s="518">
        <v>2</v>
      </c>
      <c r="B8" s="1152" t="s">
        <v>476</v>
      </c>
      <c r="C8" s="1147">
        <v>987</v>
      </c>
      <c r="D8" s="1147">
        <v>7386</v>
      </c>
      <c r="E8" s="1147">
        <v>511043650</v>
      </c>
      <c r="F8" s="1147">
        <v>62123</v>
      </c>
      <c r="G8" s="1147">
        <v>92697</v>
      </c>
      <c r="H8" s="1147">
        <v>519284376</v>
      </c>
      <c r="I8" s="1147">
        <v>9048</v>
      </c>
      <c r="J8" s="1147">
        <v>11918</v>
      </c>
      <c r="K8" s="1147">
        <v>94504420</v>
      </c>
      <c r="L8" s="1147">
        <v>72158</v>
      </c>
      <c r="M8" s="1147">
        <v>112001</v>
      </c>
      <c r="N8" s="1165">
        <v>1124832446</v>
      </c>
      <c r="O8" s="518">
        <v>2</v>
      </c>
      <c r="P8" s="1152" t="s">
        <v>476</v>
      </c>
      <c r="Q8" s="1147">
        <v>49500</v>
      </c>
      <c r="R8" s="1147">
        <v>67285</v>
      </c>
      <c r="S8" s="1147">
        <v>241230348</v>
      </c>
      <c r="T8" s="1147">
        <v>784</v>
      </c>
      <c r="U8" s="1147">
        <v>14669</v>
      </c>
      <c r="V8" s="1147">
        <v>9535715</v>
      </c>
      <c r="W8" s="1147">
        <v>142</v>
      </c>
      <c r="X8" s="1147">
        <v>792</v>
      </c>
      <c r="Y8" s="1147">
        <v>10217770</v>
      </c>
      <c r="Z8" s="1147">
        <v>121800</v>
      </c>
      <c r="AA8" s="1165">
        <v>1385816279</v>
      </c>
      <c r="AB8" s="518">
        <v>2</v>
      </c>
      <c r="AC8" s="1152" t="s">
        <v>476</v>
      </c>
      <c r="AD8" s="1147">
        <v>13</v>
      </c>
      <c r="AE8" s="1147">
        <v>416</v>
      </c>
      <c r="AF8" s="1147">
        <v>6340890</v>
      </c>
      <c r="AG8" s="1147">
        <v>13</v>
      </c>
      <c r="AH8" s="1147">
        <v>134562</v>
      </c>
      <c r="AI8" s="1147">
        <v>0</v>
      </c>
      <c r="AJ8" s="1285">
        <v>0</v>
      </c>
      <c r="AK8" s="1140">
        <v>122229</v>
      </c>
      <c r="AL8" s="1138">
        <v>1392157169</v>
      </c>
      <c r="AM8" s="1147">
        <v>1109167193</v>
      </c>
      <c r="AN8" s="1147">
        <v>77090765</v>
      </c>
      <c r="AO8" s="1285">
        <v>205899211</v>
      </c>
      <c r="AP8" s="1147">
        <v>854</v>
      </c>
      <c r="AQ8" s="1165">
        <v>70846544</v>
      </c>
    </row>
    <row r="9" spans="1:55" s="613" customFormat="1" ht="12.75" customHeight="1" x14ac:dyDescent="0.15">
      <c r="A9" s="518">
        <v>3</v>
      </c>
      <c r="B9" s="1152" t="s">
        <v>475</v>
      </c>
      <c r="C9" s="1147">
        <v>338</v>
      </c>
      <c r="D9" s="1147">
        <v>1869</v>
      </c>
      <c r="E9" s="1147">
        <v>138240590</v>
      </c>
      <c r="F9" s="1147">
        <v>19261</v>
      </c>
      <c r="G9" s="1147">
        <v>27507</v>
      </c>
      <c r="H9" s="1147">
        <v>169606840</v>
      </c>
      <c r="I9" s="1147">
        <v>3309</v>
      </c>
      <c r="J9" s="1147">
        <v>4618</v>
      </c>
      <c r="K9" s="1147">
        <v>38967390</v>
      </c>
      <c r="L9" s="1147">
        <v>22908</v>
      </c>
      <c r="M9" s="1147">
        <v>33994</v>
      </c>
      <c r="N9" s="1165">
        <v>346814820</v>
      </c>
      <c r="O9" s="518">
        <v>3</v>
      </c>
      <c r="P9" s="1152" t="s">
        <v>475</v>
      </c>
      <c r="Q9" s="1147">
        <v>14664</v>
      </c>
      <c r="R9" s="1147">
        <v>19410</v>
      </c>
      <c r="S9" s="1147">
        <v>70108820</v>
      </c>
      <c r="T9" s="1147">
        <v>292</v>
      </c>
      <c r="U9" s="1147">
        <v>3905</v>
      </c>
      <c r="V9" s="1147">
        <v>2476700</v>
      </c>
      <c r="W9" s="1147">
        <v>35</v>
      </c>
      <c r="X9" s="1147">
        <v>168</v>
      </c>
      <c r="Y9" s="1147">
        <v>2005080</v>
      </c>
      <c r="Z9" s="1147">
        <v>37607</v>
      </c>
      <c r="AA9" s="1165">
        <v>421405420</v>
      </c>
      <c r="AB9" s="518">
        <v>3</v>
      </c>
      <c r="AC9" s="1152" t="s">
        <v>475</v>
      </c>
      <c r="AD9" s="1147">
        <v>0</v>
      </c>
      <c r="AE9" s="1147">
        <v>133</v>
      </c>
      <c r="AF9" s="1147">
        <v>1796653</v>
      </c>
      <c r="AG9" s="1147">
        <v>1</v>
      </c>
      <c r="AH9" s="1147">
        <v>37732</v>
      </c>
      <c r="AI9" s="1147">
        <v>0</v>
      </c>
      <c r="AJ9" s="1285">
        <v>0</v>
      </c>
      <c r="AK9" s="1140">
        <v>37740</v>
      </c>
      <c r="AL9" s="1138">
        <v>423202073</v>
      </c>
      <c r="AM9" s="1147">
        <v>337450081</v>
      </c>
      <c r="AN9" s="1147">
        <v>21120426</v>
      </c>
      <c r="AO9" s="1285">
        <v>64631566</v>
      </c>
      <c r="AP9" s="1147">
        <v>243</v>
      </c>
      <c r="AQ9" s="1165">
        <v>19233531</v>
      </c>
    </row>
    <row r="10" spans="1:55" s="613" customFormat="1" ht="12.75" customHeight="1" x14ac:dyDescent="0.15">
      <c r="A10" s="518">
        <v>4</v>
      </c>
      <c r="B10" s="1152" t="s">
        <v>474</v>
      </c>
      <c r="C10" s="1147">
        <v>152</v>
      </c>
      <c r="D10" s="1147">
        <v>1060</v>
      </c>
      <c r="E10" s="1147">
        <v>70356760</v>
      </c>
      <c r="F10" s="1147">
        <v>10995</v>
      </c>
      <c r="G10" s="1147">
        <v>15233</v>
      </c>
      <c r="H10" s="1147">
        <v>94639720</v>
      </c>
      <c r="I10" s="1147">
        <v>1651</v>
      </c>
      <c r="J10" s="1147">
        <v>2399</v>
      </c>
      <c r="K10" s="1147">
        <v>18935680</v>
      </c>
      <c r="L10" s="1147">
        <v>12798</v>
      </c>
      <c r="M10" s="1147">
        <v>18692</v>
      </c>
      <c r="N10" s="1165">
        <v>183932160</v>
      </c>
      <c r="O10" s="518">
        <v>4</v>
      </c>
      <c r="P10" s="1152" t="s">
        <v>474</v>
      </c>
      <c r="Q10" s="1147">
        <v>7975</v>
      </c>
      <c r="R10" s="1147">
        <v>10087</v>
      </c>
      <c r="S10" s="1147">
        <v>35872630</v>
      </c>
      <c r="T10" s="1147">
        <v>128</v>
      </c>
      <c r="U10" s="1147">
        <v>1861</v>
      </c>
      <c r="V10" s="1147">
        <v>1210304</v>
      </c>
      <c r="W10" s="1147">
        <v>5</v>
      </c>
      <c r="X10" s="1147">
        <v>9</v>
      </c>
      <c r="Y10" s="1147">
        <v>137370</v>
      </c>
      <c r="Z10" s="1147">
        <v>20778</v>
      </c>
      <c r="AA10" s="1165">
        <v>221152464</v>
      </c>
      <c r="AB10" s="518">
        <v>4</v>
      </c>
      <c r="AC10" s="1152" t="s">
        <v>474</v>
      </c>
      <c r="AD10" s="1147">
        <v>0</v>
      </c>
      <c r="AE10" s="1147">
        <v>106</v>
      </c>
      <c r="AF10" s="1147">
        <v>1841912</v>
      </c>
      <c r="AG10" s="1147">
        <v>5</v>
      </c>
      <c r="AH10" s="1147">
        <v>88204</v>
      </c>
      <c r="AI10" s="1147">
        <v>0</v>
      </c>
      <c r="AJ10" s="1285">
        <v>0</v>
      </c>
      <c r="AK10" s="1140">
        <v>20884</v>
      </c>
      <c r="AL10" s="1138">
        <v>222994376</v>
      </c>
      <c r="AM10" s="1147">
        <v>177771634</v>
      </c>
      <c r="AN10" s="1147">
        <v>7159367</v>
      </c>
      <c r="AO10" s="1285">
        <v>38063375</v>
      </c>
      <c r="AP10" s="1147">
        <v>40</v>
      </c>
      <c r="AQ10" s="1165">
        <v>5730843</v>
      </c>
    </row>
    <row r="11" spans="1:55" s="613" customFormat="1" ht="12.75" customHeight="1" x14ac:dyDescent="0.15">
      <c r="A11" s="518">
        <v>5</v>
      </c>
      <c r="B11" s="1152" t="s">
        <v>473</v>
      </c>
      <c r="C11" s="1147">
        <v>83</v>
      </c>
      <c r="D11" s="1147">
        <v>439</v>
      </c>
      <c r="E11" s="1147">
        <v>31303100</v>
      </c>
      <c r="F11" s="1147">
        <v>6906</v>
      </c>
      <c r="G11" s="1147">
        <v>10029</v>
      </c>
      <c r="H11" s="1147">
        <v>55013900</v>
      </c>
      <c r="I11" s="1147">
        <v>1102</v>
      </c>
      <c r="J11" s="1147">
        <v>1462</v>
      </c>
      <c r="K11" s="1147">
        <v>11547110</v>
      </c>
      <c r="L11" s="1147">
        <v>8091</v>
      </c>
      <c r="M11" s="1147">
        <v>11930</v>
      </c>
      <c r="N11" s="1165">
        <v>97864110</v>
      </c>
      <c r="O11" s="518">
        <v>5</v>
      </c>
      <c r="P11" s="1152" t="s">
        <v>473</v>
      </c>
      <c r="Q11" s="1147">
        <v>5163</v>
      </c>
      <c r="R11" s="1147">
        <v>6586</v>
      </c>
      <c r="S11" s="1147">
        <v>24279200</v>
      </c>
      <c r="T11" s="1147">
        <v>62</v>
      </c>
      <c r="U11" s="1147">
        <v>681</v>
      </c>
      <c r="V11" s="1147">
        <v>439224</v>
      </c>
      <c r="W11" s="1147">
        <v>0</v>
      </c>
      <c r="X11" s="1147">
        <v>0</v>
      </c>
      <c r="Y11" s="1147">
        <v>0</v>
      </c>
      <c r="Z11" s="1147">
        <v>13254</v>
      </c>
      <c r="AA11" s="1165">
        <v>122582534</v>
      </c>
      <c r="AB11" s="518">
        <v>5</v>
      </c>
      <c r="AC11" s="1152" t="s">
        <v>473</v>
      </c>
      <c r="AD11" s="1147">
        <v>0</v>
      </c>
      <c r="AE11" s="1147">
        <v>49</v>
      </c>
      <c r="AF11" s="1147">
        <v>494672</v>
      </c>
      <c r="AG11" s="1147">
        <v>11</v>
      </c>
      <c r="AH11" s="1147">
        <v>99723</v>
      </c>
      <c r="AI11" s="1147">
        <v>0</v>
      </c>
      <c r="AJ11" s="1285">
        <v>0</v>
      </c>
      <c r="AK11" s="1140">
        <v>13303</v>
      </c>
      <c r="AL11" s="1138">
        <v>123077206</v>
      </c>
      <c r="AM11" s="1147">
        <v>98242591</v>
      </c>
      <c r="AN11" s="1147">
        <v>4305986</v>
      </c>
      <c r="AO11" s="1285">
        <v>20528629</v>
      </c>
      <c r="AP11" s="1147">
        <v>49</v>
      </c>
      <c r="AQ11" s="1165">
        <v>3329028</v>
      </c>
    </row>
    <row r="12" spans="1:55" s="613" customFormat="1" ht="12.75" customHeight="1" x14ac:dyDescent="0.15">
      <c r="A12" s="518">
        <v>6</v>
      </c>
      <c r="B12" s="1152" t="s">
        <v>472</v>
      </c>
      <c r="C12" s="1147">
        <v>304</v>
      </c>
      <c r="D12" s="1147">
        <v>2068</v>
      </c>
      <c r="E12" s="1147">
        <v>169881540</v>
      </c>
      <c r="F12" s="1147">
        <v>20001</v>
      </c>
      <c r="G12" s="1147">
        <v>30535</v>
      </c>
      <c r="H12" s="1147">
        <v>176821230</v>
      </c>
      <c r="I12" s="1147">
        <v>3145</v>
      </c>
      <c r="J12" s="1147">
        <v>4371</v>
      </c>
      <c r="K12" s="1147">
        <v>35591550</v>
      </c>
      <c r="L12" s="1147">
        <v>23450</v>
      </c>
      <c r="M12" s="1147">
        <v>36974</v>
      </c>
      <c r="N12" s="1165">
        <v>382294320</v>
      </c>
      <c r="O12" s="518">
        <v>6</v>
      </c>
      <c r="P12" s="1152" t="s">
        <v>472</v>
      </c>
      <c r="Q12" s="1147">
        <v>15749</v>
      </c>
      <c r="R12" s="1147">
        <v>22145</v>
      </c>
      <c r="S12" s="1147">
        <v>81861620</v>
      </c>
      <c r="T12" s="1147">
        <v>267</v>
      </c>
      <c r="U12" s="1147">
        <v>4083</v>
      </c>
      <c r="V12" s="1147">
        <v>2649668</v>
      </c>
      <c r="W12" s="1147">
        <v>75</v>
      </c>
      <c r="X12" s="1147">
        <v>780</v>
      </c>
      <c r="Y12" s="1147">
        <v>12223340</v>
      </c>
      <c r="Z12" s="1147">
        <v>39274</v>
      </c>
      <c r="AA12" s="1165">
        <v>479028948</v>
      </c>
      <c r="AB12" s="518">
        <v>6</v>
      </c>
      <c r="AC12" s="1152" t="s">
        <v>552</v>
      </c>
      <c r="AD12" s="1147">
        <v>0</v>
      </c>
      <c r="AE12" s="1147">
        <v>96</v>
      </c>
      <c r="AF12" s="1147">
        <v>1565161</v>
      </c>
      <c r="AG12" s="1147">
        <v>1</v>
      </c>
      <c r="AH12" s="1147">
        <v>4914</v>
      </c>
      <c r="AI12" s="1147">
        <v>0</v>
      </c>
      <c r="AJ12" s="1285">
        <v>0</v>
      </c>
      <c r="AK12" s="1140">
        <v>39370</v>
      </c>
      <c r="AL12" s="1138">
        <v>480594109</v>
      </c>
      <c r="AM12" s="1147">
        <v>383181480</v>
      </c>
      <c r="AN12" s="1147">
        <v>20615857</v>
      </c>
      <c r="AO12" s="1285">
        <v>76796772</v>
      </c>
      <c r="AP12" s="1147">
        <v>123</v>
      </c>
      <c r="AQ12" s="1165">
        <v>15620664</v>
      </c>
    </row>
    <row r="13" spans="1:55" s="613" customFormat="1" ht="12.75" customHeight="1" x14ac:dyDescent="0.15">
      <c r="A13" s="518">
        <v>7</v>
      </c>
      <c r="B13" s="1152" t="s">
        <v>551</v>
      </c>
      <c r="C13" s="1147">
        <v>132</v>
      </c>
      <c r="D13" s="1147">
        <v>739</v>
      </c>
      <c r="E13" s="1147">
        <v>56514380</v>
      </c>
      <c r="F13" s="1147">
        <v>7279</v>
      </c>
      <c r="G13" s="1147">
        <v>11084</v>
      </c>
      <c r="H13" s="1147">
        <v>67506020</v>
      </c>
      <c r="I13" s="1147">
        <v>1145</v>
      </c>
      <c r="J13" s="1147">
        <v>1606</v>
      </c>
      <c r="K13" s="1147">
        <v>11812240</v>
      </c>
      <c r="L13" s="1147">
        <v>8556</v>
      </c>
      <c r="M13" s="1147">
        <v>13429</v>
      </c>
      <c r="N13" s="1165">
        <v>135832640</v>
      </c>
      <c r="O13" s="518">
        <v>7</v>
      </c>
      <c r="P13" s="1152" t="s">
        <v>550</v>
      </c>
      <c r="Q13" s="1147">
        <v>5702</v>
      </c>
      <c r="R13" s="1147">
        <v>8144</v>
      </c>
      <c r="S13" s="1147">
        <v>27525120</v>
      </c>
      <c r="T13" s="1147">
        <v>123</v>
      </c>
      <c r="U13" s="1147">
        <v>1359</v>
      </c>
      <c r="V13" s="1147">
        <v>876238</v>
      </c>
      <c r="W13" s="1147">
        <v>25</v>
      </c>
      <c r="X13" s="1147">
        <v>231</v>
      </c>
      <c r="Y13" s="1147">
        <v>2667820</v>
      </c>
      <c r="Z13" s="1147">
        <v>14283</v>
      </c>
      <c r="AA13" s="1165">
        <v>166901818</v>
      </c>
      <c r="AB13" s="518">
        <v>7</v>
      </c>
      <c r="AC13" s="1152" t="s">
        <v>471</v>
      </c>
      <c r="AD13" s="1147">
        <v>0</v>
      </c>
      <c r="AE13" s="1147">
        <v>28</v>
      </c>
      <c r="AF13" s="1147">
        <v>428326</v>
      </c>
      <c r="AG13" s="1147">
        <v>1</v>
      </c>
      <c r="AH13" s="1147">
        <v>87821</v>
      </c>
      <c r="AI13" s="1147">
        <v>0</v>
      </c>
      <c r="AJ13" s="1285">
        <v>0</v>
      </c>
      <c r="AK13" s="1140">
        <v>14311</v>
      </c>
      <c r="AL13" s="1138">
        <v>167330144</v>
      </c>
      <c r="AM13" s="1147">
        <v>133457874</v>
      </c>
      <c r="AN13" s="1147">
        <v>7791656</v>
      </c>
      <c r="AO13" s="1285">
        <v>26080614</v>
      </c>
      <c r="AP13" s="1147">
        <v>89</v>
      </c>
      <c r="AQ13" s="1165">
        <v>6544514</v>
      </c>
    </row>
    <row r="14" spans="1:55" s="613" customFormat="1" ht="12.75" customHeight="1" x14ac:dyDescent="0.15">
      <c r="A14" s="518">
        <v>8</v>
      </c>
      <c r="B14" s="1152" t="s">
        <v>549</v>
      </c>
      <c r="C14" s="1147">
        <v>180</v>
      </c>
      <c r="D14" s="1147">
        <v>1175</v>
      </c>
      <c r="E14" s="1147">
        <v>70086040</v>
      </c>
      <c r="F14" s="1147">
        <v>10942</v>
      </c>
      <c r="G14" s="1147">
        <v>16028</v>
      </c>
      <c r="H14" s="1147">
        <v>90423280</v>
      </c>
      <c r="I14" s="1147">
        <v>1598</v>
      </c>
      <c r="J14" s="1147">
        <v>2069</v>
      </c>
      <c r="K14" s="1147">
        <v>16705760</v>
      </c>
      <c r="L14" s="1147">
        <v>12720</v>
      </c>
      <c r="M14" s="1147">
        <v>19272</v>
      </c>
      <c r="N14" s="1165">
        <v>177215080</v>
      </c>
      <c r="O14" s="518">
        <v>8</v>
      </c>
      <c r="P14" s="1152" t="s">
        <v>470</v>
      </c>
      <c r="Q14" s="1147">
        <v>8524</v>
      </c>
      <c r="R14" s="1147">
        <v>11484</v>
      </c>
      <c r="S14" s="1147">
        <v>40069060</v>
      </c>
      <c r="T14" s="1147">
        <v>153</v>
      </c>
      <c r="U14" s="1147">
        <v>2761</v>
      </c>
      <c r="V14" s="1147">
        <v>1781325</v>
      </c>
      <c r="W14" s="1147">
        <v>1</v>
      </c>
      <c r="X14" s="1147">
        <v>2</v>
      </c>
      <c r="Y14" s="1147">
        <v>21480</v>
      </c>
      <c r="Z14" s="1147">
        <v>21245</v>
      </c>
      <c r="AA14" s="1165">
        <v>219086945</v>
      </c>
      <c r="AB14" s="518">
        <v>8</v>
      </c>
      <c r="AC14" s="1152" t="s">
        <v>470</v>
      </c>
      <c r="AD14" s="1147">
        <v>0</v>
      </c>
      <c r="AE14" s="1147">
        <v>76</v>
      </c>
      <c r="AF14" s="1147">
        <v>1153336</v>
      </c>
      <c r="AG14" s="1147">
        <v>5</v>
      </c>
      <c r="AH14" s="1147">
        <v>70992</v>
      </c>
      <c r="AI14" s="1147">
        <v>0</v>
      </c>
      <c r="AJ14" s="1285">
        <v>0</v>
      </c>
      <c r="AK14" s="1140">
        <v>21321</v>
      </c>
      <c r="AL14" s="1138">
        <v>220240281</v>
      </c>
      <c r="AM14" s="1147">
        <v>175315957</v>
      </c>
      <c r="AN14" s="1147">
        <v>9359672</v>
      </c>
      <c r="AO14" s="1285">
        <v>35564652</v>
      </c>
      <c r="AP14" s="1147">
        <v>50</v>
      </c>
      <c r="AQ14" s="1165">
        <v>6603054</v>
      </c>
    </row>
    <row r="15" spans="1:55" s="613" customFormat="1" ht="12.75" customHeight="1" x14ac:dyDescent="0.15">
      <c r="A15" s="518">
        <v>9</v>
      </c>
      <c r="B15" s="1152" t="s">
        <v>469</v>
      </c>
      <c r="C15" s="1147">
        <v>38</v>
      </c>
      <c r="D15" s="1147">
        <v>281</v>
      </c>
      <c r="E15" s="1147">
        <v>20674880</v>
      </c>
      <c r="F15" s="1147">
        <v>2508</v>
      </c>
      <c r="G15" s="1147">
        <v>3315</v>
      </c>
      <c r="H15" s="1147">
        <v>19288420</v>
      </c>
      <c r="I15" s="1147">
        <v>464</v>
      </c>
      <c r="J15" s="1147">
        <v>641</v>
      </c>
      <c r="K15" s="1147">
        <v>4975510</v>
      </c>
      <c r="L15" s="1147">
        <v>3010</v>
      </c>
      <c r="M15" s="1147">
        <v>4237</v>
      </c>
      <c r="N15" s="1165">
        <v>44938810</v>
      </c>
      <c r="O15" s="518">
        <v>9</v>
      </c>
      <c r="P15" s="1152" t="s">
        <v>548</v>
      </c>
      <c r="Q15" s="1147">
        <v>1897</v>
      </c>
      <c r="R15" s="1147">
        <v>2364</v>
      </c>
      <c r="S15" s="1147">
        <v>8323850</v>
      </c>
      <c r="T15" s="1147">
        <v>28</v>
      </c>
      <c r="U15" s="1147">
        <v>669</v>
      </c>
      <c r="V15" s="1147">
        <v>429360</v>
      </c>
      <c r="W15" s="1147">
        <v>1</v>
      </c>
      <c r="X15" s="1147">
        <v>2</v>
      </c>
      <c r="Y15" s="1147">
        <v>34940</v>
      </c>
      <c r="Z15" s="1147">
        <v>4908</v>
      </c>
      <c r="AA15" s="1165">
        <v>53726960</v>
      </c>
      <c r="AB15" s="518">
        <v>9</v>
      </c>
      <c r="AC15" s="1152" t="s">
        <v>547</v>
      </c>
      <c r="AD15" s="1147">
        <v>0</v>
      </c>
      <c r="AE15" s="1147">
        <v>34</v>
      </c>
      <c r="AF15" s="1147">
        <v>302159</v>
      </c>
      <c r="AG15" s="1147">
        <v>0</v>
      </c>
      <c r="AH15" s="1147">
        <v>0</v>
      </c>
      <c r="AI15" s="1147">
        <v>0</v>
      </c>
      <c r="AJ15" s="1285">
        <v>0</v>
      </c>
      <c r="AK15" s="1140">
        <v>4942</v>
      </c>
      <c r="AL15" s="1138">
        <v>54029119</v>
      </c>
      <c r="AM15" s="1147">
        <v>43001425</v>
      </c>
      <c r="AN15" s="1147">
        <v>3445203</v>
      </c>
      <c r="AO15" s="1285">
        <v>7582491</v>
      </c>
      <c r="AP15" s="1147">
        <v>18</v>
      </c>
      <c r="AQ15" s="1165">
        <v>2627792</v>
      </c>
    </row>
    <row r="16" spans="1:55" s="613" customFormat="1" ht="12.75" customHeight="1" x14ac:dyDescent="0.15">
      <c r="A16" s="518">
        <v>10</v>
      </c>
      <c r="B16" s="1152" t="s">
        <v>468</v>
      </c>
      <c r="C16" s="1147">
        <v>551</v>
      </c>
      <c r="D16" s="1147">
        <v>3674</v>
      </c>
      <c r="E16" s="1147">
        <v>250400310</v>
      </c>
      <c r="F16" s="1147">
        <v>32439</v>
      </c>
      <c r="G16" s="1147">
        <v>46192</v>
      </c>
      <c r="H16" s="1147">
        <v>305292580</v>
      </c>
      <c r="I16" s="1147">
        <v>4609</v>
      </c>
      <c r="J16" s="1147">
        <v>6302</v>
      </c>
      <c r="K16" s="1147">
        <v>48311990</v>
      </c>
      <c r="L16" s="1147">
        <v>37599</v>
      </c>
      <c r="M16" s="1147">
        <v>56168</v>
      </c>
      <c r="N16" s="1165">
        <v>604004880</v>
      </c>
      <c r="O16" s="518">
        <v>10</v>
      </c>
      <c r="P16" s="1152" t="s">
        <v>546</v>
      </c>
      <c r="Q16" s="1147">
        <v>25852</v>
      </c>
      <c r="R16" s="1147">
        <v>34516</v>
      </c>
      <c r="S16" s="1147">
        <v>126372590</v>
      </c>
      <c r="T16" s="1147">
        <v>452</v>
      </c>
      <c r="U16" s="1147">
        <v>6925</v>
      </c>
      <c r="V16" s="1147">
        <v>4460378</v>
      </c>
      <c r="W16" s="1147">
        <v>48</v>
      </c>
      <c r="X16" s="1147">
        <v>169</v>
      </c>
      <c r="Y16" s="1147">
        <v>2536810</v>
      </c>
      <c r="Z16" s="1147">
        <v>63499</v>
      </c>
      <c r="AA16" s="1165">
        <v>737374658</v>
      </c>
      <c r="AB16" s="518">
        <v>10</v>
      </c>
      <c r="AC16" s="1152" t="s">
        <v>546</v>
      </c>
      <c r="AD16" s="1147">
        <v>1</v>
      </c>
      <c r="AE16" s="1147">
        <v>219</v>
      </c>
      <c r="AF16" s="1147">
        <v>3445476</v>
      </c>
      <c r="AG16" s="1147">
        <v>5</v>
      </c>
      <c r="AH16" s="1147">
        <v>119247</v>
      </c>
      <c r="AI16" s="1147">
        <v>0</v>
      </c>
      <c r="AJ16" s="1285">
        <v>0</v>
      </c>
      <c r="AK16" s="1140">
        <v>63719</v>
      </c>
      <c r="AL16" s="1138">
        <v>740820134</v>
      </c>
      <c r="AM16" s="1147">
        <v>590605738</v>
      </c>
      <c r="AN16" s="1147">
        <v>37457103</v>
      </c>
      <c r="AO16" s="1285">
        <v>112757293</v>
      </c>
      <c r="AP16" s="1147">
        <v>220</v>
      </c>
      <c r="AQ16" s="1165">
        <v>27376763</v>
      </c>
    </row>
    <row r="17" spans="1:43" s="613" customFormat="1" ht="12.75" customHeight="1" x14ac:dyDescent="0.15">
      <c r="A17" s="518">
        <v>11</v>
      </c>
      <c r="B17" s="1152" t="s">
        <v>545</v>
      </c>
      <c r="C17" s="1147">
        <v>33</v>
      </c>
      <c r="D17" s="1147">
        <v>121</v>
      </c>
      <c r="E17" s="1147">
        <v>6520220</v>
      </c>
      <c r="F17" s="1147">
        <v>2973</v>
      </c>
      <c r="G17" s="1147">
        <v>4148</v>
      </c>
      <c r="H17" s="1147">
        <v>21935400</v>
      </c>
      <c r="I17" s="1147">
        <v>435</v>
      </c>
      <c r="J17" s="1147">
        <v>584</v>
      </c>
      <c r="K17" s="1147">
        <v>4930080</v>
      </c>
      <c r="L17" s="1147">
        <v>3441</v>
      </c>
      <c r="M17" s="1147">
        <v>4853</v>
      </c>
      <c r="N17" s="1165">
        <v>33385700</v>
      </c>
      <c r="O17" s="518">
        <v>11</v>
      </c>
      <c r="P17" s="1152" t="s">
        <v>467</v>
      </c>
      <c r="Q17" s="1147">
        <v>2446</v>
      </c>
      <c r="R17" s="1147">
        <v>3205</v>
      </c>
      <c r="S17" s="1147">
        <v>10835660</v>
      </c>
      <c r="T17" s="1147">
        <v>25</v>
      </c>
      <c r="U17" s="1147">
        <v>238</v>
      </c>
      <c r="V17" s="1147">
        <v>153492</v>
      </c>
      <c r="W17" s="1147">
        <v>0</v>
      </c>
      <c r="X17" s="1147">
        <v>0</v>
      </c>
      <c r="Y17" s="1147">
        <v>0</v>
      </c>
      <c r="Z17" s="1147">
        <v>5887</v>
      </c>
      <c r="AA17" s="1165">
        <v>44374852</v>
      </c>
      <c r="AB17" s="518">
        <v>11</v>
      </c>
      <c r="AC17" s="1152" t="s">
        <v>544</v>
      </c>
      <c r="AD17" s="1147">
        <v>0</v>
      </c>
      <c r="AE17" s="1147">
        <v>13</v>
      </c>
      <c r="AF17" s="1147">
        <v>213087</v>
      </c>
      <c r="AG17" s="1147">
        <v>0</v>
      </c>
      <c r="AH17" s="1147">
        <v>0</v>
      </c>
      <c r="AI17" s="1147">
        <v>0</v>
      </c>
      <c r="AJ17" s="1285">
        <v>0</v>
      </c>
      <c r="AK17" s="1140">
        <v>5900</v>
      </c>
      <c r="AL17" s="1138">
        <v>44587939</v>
      </c>
      <c r="AM17" s="1147">
        <v>35591569</v>
      </c>
      <c r="AN17" s="1147">
        <v>668869</v>
      </c>
      <c r="AO17" s="1285">
        <v>8327501</v>
      </c>
      <c r="AP17" s="1147">
        <v>9</v>
      </c>
      <c r="AQ17" s="1165">
        <v>285816</v>
      </c>
    </row>
    <row r="18" spans="1:43" s="613" customFormat="1" ht="12.75" customHeight="1" x14ac:dyDescent="0.15">
      <c r="A18" s="518">
        <v>12</v>
      </c>
      <c r="B18" s="1152" t="s">
        <v>466</v>
      </c>
      <c r="C18" s="1147">
        <v>106</v>
      </c>
      <c r="D18" s="1147">
        <v>608</v>
      </c>
      <c r="E18" s="1147">
        <v>38805620</v>
      </c>
      <c r="F18" s="1147">
        <v>6694</v>
      </c>
      <c r="G18" s="1147">
        <v>8896</v>
      </c>
      <c r="H18" s="1147">
        <v>62706500</v>
      </c>
      <c r="I18" s="1147">
        <v>1028</v>
      </c>
      <c r="J18" s="1147">
        <v>1472</v>
      </c>
      <c r="K18" s="1147">
        <v>10510860</v>
      </c>
      <c r="L18" s="1147">
        <v>7828</v>
      </c>
      <c r="M18" s="1147">
        <v>10976</v>
      </c>
      <c r="N18" s="1165">
        <v>112022980</v>
      </c>
      <c r="O18" s="518">
        <v>12</v>
      </c>
      <c r="P18" s="1152" t="s">
        <v>543</v>
      </c>
      <c r="Q18" s="1147">
        <v>4369</v>
      </c>
      <c r="R18" s="1147">
        <v>5846</v>
      </c>
      <c r="S18" s="1147">
        <v>22320080</v>
      </c>
      <c r="T18" s="1147">
        <v>97</v>
      </c>
      <c r="U18" s="1147">
        <v>1121</v>
      </c>
      <c r="V18" s="1147">
        <v>703226</v>
      </c>
      <c r="W18" s="1147">
        <v>0</v>
      </c>
      <c r="X18" s="1147">
        <v>0</v>
      </c>
      <c r="Y18" s="1147">
        <v>0</v>
      </c>
      <c r="Z18" s="1147">
        <v>12197</v>
      </c>
      <c r="AA18" s="1165">
        <v>135046286</v>
      </c>
      <c r="AB18" s="518">
        <v>12</v>
      </c>
      <c r="AC18" s="1152" t="s">
        <v>543</v>
      </c>
      <c r="AD18" s="1147">
        <v>0</v>
      </c>
      <c r="AE18" s="1147">
        <v>37</v>
      </c>
      <c r="AF18" s="1147">
        <v>441610</v>
      </c>
      <c r="AG18" s="1147">
        <v>0</v>
      </c>
      <c r="AH18" s="1147">
        <v>0</v>
      </c>
      <c r="AI18" s="1147">
        <v>0</v>
      </c>
      <c r="AJ18" s="1285">
        <v>0</v>
      </c>
      <c r="AK18" s="1140">
        <v>12234</v>
      </c>
      <c r="AL18" s="1138">
        <v>135487896</v>
      </c>
      <c r="AM18" s="1147">
        <v>108041051</v>
      </c>
      <c r="AN18" s="1147">
        <v>4806782</v>
      </c>
      <c r="AO18" s="1285">
        <v>22640063</v>
      </c>
      <c r="AP18" s="1147">
        <v>65</v>
      </c>
      <c r="AQ18" s="1165">
        <v>4957868</v>
      </c>
    </row>
    <row r="19" spans="1:43" s="613" customFormat="1" ht="12.75" customHeight="1" x14ac:dyDescent="0.15">
      <c r="A19" s="518">
        <v>13</v>
      </c>
      <c r="B19" s="1152" t="s">
        <v>465</v>
      </c>
      <c r="C19" s="1147">
        <v>220</v>
      </c>
      <c r="D19" s="1147">
        <v>1729</v>
      </c>
      <c r="E19" s="1147">
        <v>124322770</v>
      </c>
      <c r="F19" s="1147">
        <v>12635</v>
      </c>
      <c r="G19" s="1147">
        <v>17643</v>
      </c>
      <c r="H19" s="1147">
        <v>104037030</v>
      </c>
      <c r="I19" s="1147">
        <v>1806</v>
      </c>
      <c r="J19" s="1147">
        <v>2569</v>
      </c>
      <c r="K19" s="1147">
        <v>18895280</v>
      </c>
      <c r="L19" s="1147">
        <v>14661</v>
      </c>
      <c r="M19" s="1147">
        <v>21941</v>
      </c>
      <c r="N19" s="1165">
        <v>247255080</v>
      </c>
      <c r="O19" s="518">
        <v>13</v>
      </c>
      <c r="P19" s="1152" t="s">
        <v>465</v>
      </c>
      <c r="Q19" s="1147">
        <v>8803</v>
      </c>
      <c r="R19" s="1147">
        <v>11565</v>
      </c>
      <c r="S19" s="1147">
        <v>40202770</v>
      </c>
      <c r="T19" s="1147">
        <v>148</v>
      </c>
      <c r="U19" s="1147">
        <v>2988</v>
      </c>
      <c r="V19" s="1147">
        <v>1918918</v>
      </c>
      <c r="W19" s="1147">
        <v>6</v>
      </c>
      <c r="X19" s="1147">
        <v>13</v>
      </c>
      <c r="Y19" s="1147">
        <v>215910</v>
      </c>
      <c r="Z19" s="1147">
        <v>23470</v>
      </c>
      <c r="AA19" s="1165">
        <v>289592678</v>
      </c>
      <c r="AB19" s="518">
        <v>13</v>
      </c>
      <c r="AC19" s="1152" t="s">
        <v>542</v>
      </c>
      <c r="AD19" s="1147">
        <v>0</v>
      </c>
      <c r="AE19" s="1147">
        <v>62</v>
      </c>
      <c r="AF19" s="1147">
        <v>867729</v>
      </c>
      <c r="AG19" s="1147">
        <v>0</v>
      </c>
      <c r="AH19" s="1147">
        <v>0</v>
      </c>
      <c r="AI19" s="1147">
        <v>0</v>
      </c>
      <c r="AJ19" s="1285">
        <v>0</v>
      </c>
      <c r="AK19" s="1140">
        <v>23532</v>
      </c>
      <c r="AL19" s="1138">
        <v>290460407</v>
      </c>
      <c r="AM19" s="1147">
        <v>231381524</v>
      </c>
      <c r="AN19" s="1147">
        <v>17138817</v>
      </c>
      <c r="AO19" s="1285">
        <v>41940066</v>
      </c>
      <c r="AP19" s="1147">
        <v>101</v>
      </c>
      <c r="AQ19" s="1165">
        <v>13407987</v>
      </c>
    </row>
    <row r="20" spans="1:43" s="613" customFormat="1" ht="12.75" customHeight="1" x14ac:dyDescent="0.15">
      <c r="A20" s="518">
        <v>14</v>
      </c>
      <c r="B20" s="1152" t="s">
        <v>541</v>
      </c>
      <c r="C20" s="1147">
        <v>232</v>
      </c>
      <c r="D20" s="1147">
        <v>2215</v>
      </c>
      <c r="E20" s="1147">
        <v>166508430</v>
      </c>
      <c r="F20" s="1147">
        <v>12599</v>
      </c>
      <c r="G20" s="1147">
        <v>17341</v>
      </c>
      <c r="H20" s="1147">
        <v>110680360</v>
      </c>
      <c r="I20" s="1147">
        <v>1937</v>
      </c>
      <c r="J20" s="1147">
        <v>2711</v>
      </c>
      <c r="K20" s="1147">
        <v>21556780</v>
      </c>
      <c r="L20" s="1147">
        <v>14768</v>
      </c>
      <c r="M20" s="1147">
        <v>22267</v>
      </c>
      <c r="N20" s="1165">
        <v>298745570</v>
      </c>
      <c r="O20" s="518">
        <v>14</v>
      </c>
      <c r="P20" s="1152" t="s">
        <v>540</v>
      </c>
      <c r="Q20" s="1147">
        <v>9955</v>
      </c>
      <c r="R20" s="1147">
        <v>12815</v>
      </c>
      <c r="S20" s="1147">
        <v>42454450</v>
      </c>
      <c r="T20" s="1147">
        <v>203</v>
      </c>
      <c r="U20" s="1147">
        <v>4360</v>
      </c>
      <c r="V20" s="1147">
        <v>2802362</v>
      </c>
      <c r="W20" s="1147">
        <v>26</v>
      </c>
      <c r="X20" s="1147">
        <v>138</v>
      </c>
      <c r="Y20" s="1147">
        <v>1810200</v>
      </c>
      <c r="Z20" s="1147">
        <v>24749</v>
      </c>
      <c r="AA20" s="1165">
        <v>345812582</v>
      </c>
      <c r="AB20" s="518">
        <v>14</v>
      </c>
      <c r="AC20" s="1152" t="s">
        <v>464</v>
      </c>
      <c r="AD20" s="1147">
        <v>0</v>
      </c>
      <c r="AE20" s="1147">
        <v>56</v>
      </c>
      <c r="AF20" s="1147">
        <v>1042257</v>
      </c>
      <c r="AG20" s="1147">
        <v>1</v>
      </c>
      <c r="AH20" s="1147">
        <v>8484</v>
      </c>
      <c r="AI20" s="1147">
        <v>0</v>
      </c>
      <c r="AJ20" s="1285">
        <v>0</v>
      </c>
      <c r="AK20" s="1140">
        <v>24805</v>
      </c>
      <c r="AL20" s="1138">
        <v>346854839</v>
      </c>
      <c r="AM20" s="1147">
        <v>276187937</v>
      </c>
      <c r="AN20" s="1147">
        <v>26480892</v>
      </c>
      <c r="AO20" s="1285">
        <v>44186010</v>
      </c>
      <c r="AP20" s="1147">
        <v>122</v>
      </c>
      <c r="AQ20" s="1165">
        <v>24867195</v>
      </c>
    </row>
    <row r="21" spans="1:43" s="613" customFormat="1" ht="12.75" customHeight="1" x14ac:dyDescent="0.15">
      <c r="A21" s="518">
        <v>15</v>
      </c>
      <c r="B21" s="1152" t="s">
        <v>463</v>
      </c>
      <c r="C21" s="1147">
        <v>62</v>
      </c>
      <c r="D21" s="1147">
        <v>430</v>
      </c>
      <c r="E21" s="1147">
        <v>31284810</v>
      </c>
      <c r="F21" s="1147">
        <v>3659</v>
      </c>
      <c r="G21" s="1147">
        <v>4929</v>
      </c>
      <c r="H21" s="1147">
        <v>32943640</v>
      </c>
      <c r="I21" s="1147">
        <v>595</v>
      </c>
      <c r="J21" s="1147">
        <v>836</v>
      </c>
      <c r="K21" s="1147">
        <v>5579070</v>
      </c>
      <c r="L21" s="1147">
        <v>4316</v>
      </c>
      <c r="M21" s="1147">
        <v>6195</v>
      </c>
      <c r="N21" s="1165">
        <v>69807520</v>
      </c>
      <c r="O21" s="518">
        <v>15</v>
      </c>
      <c r="P21" s="1152" t="s">
        <v>539</v>
      </c>
      <c r="Q21" s="1147">
        <v>2955</v>
      </c>
      <c r="R21" s="1147">
        <v>3717</v>
      </c>
      <c r="S21" s="1147">
        <v>14150950</v>
      </c>
      <c r="T21" s="1147">
        <v>50</v>
      </c>
      <c r="U21" s="1147">
        <v>882</v>
      </c>
      <c r="V21" s="1147">
        <v>564170</v>
      </c>
      <c r="W21" s="1147">
        <v>0</v>
      </c>
      <c r="X21" s="1147">
        <v>0</v>
      </c>
      <c r="Y21" s="1147">
        <v>0</v>
      </c>
      <c r="Z21" s="1147">
        <v>7271</v>
      </c>
      <c r="AA21" s="1165">
        <v>84522640</v>
      </c>
      <c r="AB21" s="518">
        <v>15</v>
      </c>
      <c r="AC21" s="1152" t="s">
        <v>463</v>
      </c>
      <c r="AD21" s="1147">
        <v>0</v>
      </c>
      <c r="AE21" s="1147">
        <v>16</v>
      </c>
      <c r="AF21" s="1147">
        <v>184613</v>
      </c>
      <c r="AG21" s="1147">
        <v>0</v>
      </c>
      <c r="AH21" s="1147">
        <v>0</v>
      </c>
      <c r="AI21" s="1147">
        <v>0</v>
      </c>
      <c r="AJ21" s="1285">
        <v>0</v>
      </c>
      <c r="AK21" s="1140">
        <v>7287</v>
      </c>
      <c r="AL21" s="1138">
        <v>84707253</v>
      </c>
      <c r="AM21" s="1147">
        <v>67490965</v>
      </c>
      <c r="AN21" s="1147">
        <v>4454216</v>
      </c>
      <c r="AO21" s="1285">
        <v>12762072</v>
      </c>
      <c r="AP21" s="1147">
        <v>19</v>
      </c>
      <c r="AQ21" s="1165">
        <v>3722950</v>
      </c>
    </row>
    <row r="22" spans="1:43" s="613" customFormat="1" ht="12.75" customHeight="1" x14ac:dyDescent="0.15">
      <c r="A22" s="518">
        <v>16</v>
      </c>
      <c r="B22" s="1152" t="s">
        <v>462</v>
      </c>
      <c r="C22" s="1147">
        <v>97</v>
      </c>
      <c r="D22" s="1147">
        <v>1243</v>
      </c>
      <c r="E22" s="1147">
        <v>76951530</v>
      </c>
      <c r="F22" s="1147">
        <v>5133</v>
      </c>
      <c r="G22" s="1147">
        <v>7170</v>
      </c>
      <c r="H22" s="1147">
        <v>46209060</v>
      </c>
      <c r="I22" s="1147">
        <v>731</v>
      </c>
      <c r="J22" s="1147">
        <v>987</v>
      </c>
      <c r="K22" s="1147">
        <v>7191320</v>
      </c>
      <c r="L22" s="1147">
        <v>5961</v>
      </c>
      <c r="M22" s="1147">
        <v>9400</v>
      </c>
      <c r="N22" s="1165">
        <v>130351910</v>
      </c>
      <c r="O22" s="518">
        <v>16</v>
      </c>
      <c r="P22" s="1152" t="s">
        <v>538</v>
      </c>
      <c r="Q22" s="1147">
        <v>3649</v>
      </c>
      <c r="R22" s="1147">
        <v>4709</v>
      </c>
      <c r="S22" s="1147">
        <v>15840170</v>
      </c>
      <c r="T22" s="1147">
        <v>80</v>
      </c>
      <c r="U22" s="1147">
        <v>2508</v>
      </c>
      <c r="V22" s="1147">
        <v>1635766</v>
      </c>
      <c r="W22" s="1147">
        <v>10</v>
      </c>
      <c r="X22" s="1147">
        <v>53</v>
      </c>
      <c r="Y22" s="1147">
        <v>602050</v>
      </c>
      <c r="Z22" s="1147">
        <v>9620</v>
      </c>
      <c r="AA22" s="1165">
        <v>148429896</v>
      </c>
      <c r="AB22" s="532">
        <v>16</v>
      </c>
      <c r="AC22" s="1152" t="s">
        <v>462</v>
      </c>
      <c r="AD22" s="1147">
        <v>0</v>
      </c>
      <c r="AE22" s="1147">
        <v>23</v>
      </c>
      <c r="AF22" s="1147">
        <v>303741</v>
      </c>
      <c r="AG22" s="1147">
        <v>0</v>
      </c>
      <c r="AH22" s="1147">
        <v>0</v>
      </c>
      <c r="AI22" s="1147">
        <v>0</v>
      </c>
      <c r="AJ22" s="1285">
        <v>0</v>
      </c>
      <c r="AK22" s="1140">
        <v>9643</v>
      </c>
      <c r="AL22" s="1138">
        <v>148733637</v>
      </c>
      <c r="AM22" s="1147">
        <v>118181630</v>
      </c>
      <c r="AN22" s="1147">
        <v>11022360</v>
      </c>
      <c r="AO22" s="1285">
        <v>19529647</v>
      </c>
      <c r="AP22" s="1147">
        <v>70</v>
      </c>
      <c r="AQ22" s="1165">
        <v>10172077</v>
      </c>
    </row>
    <row r="23" spans="1:43" s="613" customFormat="1" ht="12.75" customHeight="1" x14ac:dyDescent="0.15">
      <c r="A23" s="518">
        <v>17</v>
      </c>
      <c r="B23" s="1152" t="s">
        <v>461</v>
      </c>
      <c r="C23" s="1147">
        <v>101</v>
      </c>
      <c r="D23" s="1147">
        <v>675</v>
      </c>
      <c r="E23" s="1147">
        <v>43310620</v>
      </c>
      <c r="F23" s="1147">
        <v>5666</v>
      </c>
      <c r="G23" s="1147">
        <v>7807</v>
      </c>
      <c r="H23" s="1147">
        <v>47591410</v>
      </c>
      <c r="I23" s="1147">
        <v>861</v>
      </c>
      <c r="J23" s="1147">
        <v>1239</v>
      </c>
      <c r="K23" s="1147">
        <v>9746820</v>
      </c>
      <c r="L23" s="1147">
        <v>6628</v>
      </c>
      <c r="M23" s="1147">
        <v>9721</v>
      </c>
      <c r="N23" s="1165">
        <v>100648850</v>
      </c>
      <c r="O23" s="532">
        <v>17</v>
      </c>
      <c r="P23" s="1152" t="s">
        <v>537</v>
      </c>
      <c r="Q23" s="1147">
        <v>4247</v>
      </c>
      <c r="R23" s="1147">
        <v>5606</v>
      </c>
      <c r="S23" s="1147">
        <v>19131880</v>
      </c>
      <c r="T23" s="1147">
        <v>67</v>
      </c>
      <c r="U23" s="1147">
        <v>2283</v>
      </c>
      <c r="V23" s="1147">
        <v>628800</v>
      </c>
      <c r="W23" s="1147">
        <v>16</v>
      </c>
      <c r="X23" s="1147">
        <v>31</v>
      </c>
      <c r="Y23" s="1147">
        <v>513290</v>
      </c>
      <c r="Z23" s="1147">
        <v>10891</v>
      </c>
      <c r="AA23" s="1165">
        <v>120922820</v>
      </c>
      <c r="AB23" s="532">
        <v>17</v>
      </c>
      <c r="AC23" s="1152" t="s">
        <v>461</v>
      </c>
      <c r="AD23" s="1147">
        <v>0</v>
      </c>
      <c r="AE23" s="1147">
        <v>39</v>
      </c>
      <c r="AF23" s="1147">
        <v>585680</v>
      </c>
      <c r="AG23" s="1147">
        <v>0</v>
      </c>
      <c r="AH23" s="1147">
        <v>0</v>
      </c>
      <c r="AI23" s="1147">
        <v>0</v>
      </c>
      <c r="AJ23" s="1285">
        <v>0</v>
      </c>
      <c r="AK23" s="1140">
        <v>10930</v>
      </c>
      <c r="AL23" s="1138">
        <v>121508500</v>
      </c>
      <c r="AM23" s="1147">
        <v>96882638</v>
      </c>
      <c r="AN23" s="1147">
        <v>5428210</v>
      </c>
      <c r="AO23" s="1285">
        <v>19197652</v>
      </c>
      <c r="AP23" s="1147">
        <v>70</v>
      </c>
      <c r="AQ23" s="1165">
        <v>4897227</v>
      </c>
    </row>
    <row r="24" spans="1:43" s="613" customFormat="1" ht="12.75" customHeight="1" x14ac:dyDescent="0.15">
      <c r="A24" s="518">
        <v>18</v>
      </c>
      <c r="B24" s="1173" t="s">
        <v>536</v>
      </c>
      <c r="C24" s="1287">
        <v>20</v>
      </c>
      <c r="D24" s="1287">
        <v>86</v>
      </c>
      <c r="E24" s="1287">
        <v>4382070</v>
      </c>
      <c r="F24" s="1287">
        <v>1265</v>
      </c>
      <c r="G24" s="1287">
        <v>1766</v>
      </c>
      <c r="H24" s="1287">
        <v>11689220</v>
      </c>
      <c r="I24" s="1287">
        <v>207</v>
      </c>
      <c r="J24" s="1287">
        <v>320</v>
      </c>
      <c r="K24" s="1287">
        <v>1991710</v>
      </c>
      <c r="L24" s="1287">
        <v>1492</v>
      </c>
      <c r="M24" s="1287">
        <v>2172</v>
      </c>
      <c r="N24" s="1286">
        <v>18063000</v>
      </c>
      <c r="O24" s="532">
        <v>18</v>
      </c>
      <c r="P24" s="1173" t="s">
        <v>460</v>
      </c>
      <c r="Q24" s="1287">
        <v>1007</v>
      </c>
      <c r="R24" s="1287">
        <v>1322</v>
      </c>
      <c r="S24" s="1287">
        <v>5008340</v>
      </c>
      <c r="T24" s="1287">
        <v>19</v>
      </c>
      <c r="U24" s="1287">
        <v>191</v>
      </c>
      <c r="V24" s="1287">
        <v>122172</v>
      </c>
      <c r="W24" s="1287">
        <v>0</v>
      </c>
      <c r="X24" s="1287">
        <v>0</v>
      </c>
      <c r="Y24" s="1287">
        <v>0</v>
      </c>
      <c r="Z24" s="1287">
        <v>2499</v>
      </c>
      <c r="AA24" s="1286">
        <v>23193512</v>
      </c>
      <c r="AB24" s="532">
        <v>18</v>
      </c>
      <c r="AC24" s="1173" t="s">
        <v>535</v>
      </c>
      <c r="AD24" s="1287">
        <v>0</v>
      </c>
      <c r="AE24" s="1287">
        <v>5</v>
      </c>
      <c r="AF24" s="1287">
        <v>76277</v>
      </c>
      <c r="AG24" s="1287">
        <v>0</v>
      </c>
      <c r="AH24" s="1287">
        <v>0</v>
      </c>
      <c r="AI24" s="1287">
        <v>0</v>
      </c>
      <c r="AJ24" s="1291">
        <v>0</v>
      </c>
      <c r="AK24" s="1293">
        <v>2504</v>
      </c>
      <c r="AL24" s="1292">
        <v>23269789</v>
      </c>
      <c r="AM24" s="1287">
        <v>18552405</v>
      </c>
      <c r="AN24" s="1287">
        <v>666763</v>
      </c>
      <c r="AO24" s="1291">
        <v>4050621</v>
      </c>
      <c r="AP24" s="1287">
        <v>21</v>
      </c>
      <c r="AQ24" s="1286">
        <v>381688</v>
      </c>
    </row>
    <row r="25" spans="1:43" s="613" customFormat="1" ht="12.75" customHeight="1" x14ac:dyDescent="0.15">
      <c r="A25" s="532">
        <v>19</v>
      </c>
      <c r="B25" s="1167" t="s">
        <v>534</v>
      </c>
      <c r="C25" s="1289">
        <v>21</v>
      </c>
      <c r="D25" s="1289">
        <v>101</v>
      </c>
      <c r="E25" s="1289">
        <v>6155230</v>
      </c>
      <c r="F25" s="1289">
        <v>1695</v>
      </c>
      <c r="G25" s="1289">
        <v>2257</v>
      </c>
      <c r="H25" s="1289">
        <v>11682840</v>
      </c>
      <c r="I25" s="1289">
        <v>359</v>
      </c>
      <c r="J25" s="1289">
        <v>430</v>
      </c>
      <c r="K25" s="1289">
        <v>3768320</v>
      </c>
      <c r="L25" s="1289">
        <v>2075</v>
      </c>
      <c r="M25" s="1289">
        <v>2788</v>
      </c>
      <c r="N25" s="1168">
        <v>21606390</v>
      </c>
      <c r="O25" s="532">
        <v>19</v>
      </c>
      <c r="P25" s="1167" t="s">
        <v>459</v>
      </c>
      <c r="Q25" s="1289">
        <v>1228</v>
      </c>
      <c r="R25" s="1289">
        <v>1485</v>
      </c>
      <c r="S25" s="1289">
        <v>4890160</v>
      </c>
      <c r="T25" s="1289">
        <v>17</v>
      </c>
      <c r="U25" s="1289">
        <v>186</v>
      </c>
      <c r="V25" s="1289">
        <v>121570</v>
      </c>
      <c r="W25" s="1289">
        <v>0</v>
      </c>
      <c r="X25" s="1289">
        <v>0</v>
      </c>
      <c r="Y25" s="1289">
        <v>0</v>
      </c>
      <c r="Z25" s="1289">
        <v>3303</v>
      </c>
      <c r="AA25" s="1168">
        <v>26618120</v>
      </c>
      <c r="AB25" s="532">
        <v>19</v>
      </c>
      <c r="AC25" s="1167" t="s">
        <v>459</v>
      </c>
      <c r="AD25" s="1289">
        <v>0</v>
      </c>
      <c r="AE25" s="1289">
        <v>3</v>
      </c>
      <c r="AF25" s="1289">
        <v>18140</v>
      </c>
      <c r="AG25" s="1289">
        <v>0</v>
      </c>
      <c r="AH25" s="1289">
        <v>0</v>
      </c>
      <c r="AI25" s="1289">
        <v>0</v>
      </c>
      <c r="AJ25" s="1289">
        <v>0</v>
      </c>
      <c r="AK25" s="1290">
        <v>3306</v>
      </c>
      <c r="AL25" s="1290">
        <v>26636260</v>
      </c>
      <c r="AM25" s="1289">
        <v>21247762</v>
      </c>
      <c r="AN25" s="1289">
        <v>635766</v>
      </c>
      <c r="AO25" s="1289">
        <v>4752732</v>
      </c>
      <c r="AP25" s="1289">
        <v>14</v>
      </c>
      <c r="AQ25" s="1168">
        <v>351264</v>
      </c>
    </row>
    <row r="26" spans="1:43" s="613" customFormat="1" ht="12.75" customHeight="1" x14ac:dyDescent="0.15">
      <c r="A26" s="532">
        <v>20</v>
      </c>
      <c r="B26" s="1167" t="s">
        <v>458</v>
      </c>
      <c r="C26" s="1289">
        <v>56</v>
      </c>
      <c r="D26" s="1289">
        <v>543</v>
      </c>
      <c r="E26" s="1289">
        <v>26871150</v>
      </c>
      <c r="F26" s="1289">
        <v>2751</v>
      </c>
      <c r="G26" s="1289">
        <v>3986</v>
      </c>
      <c r="H26" s="1289">
        <v>26288620</v>
      </c>
      <c r="I26" s="1289">
        <v>435</v>
      </c>
      <c r="J26" s="1289">
        <v>573</v>
      </c>
      <c r="K26" s="1289">
        <v>4055960</v>
      </c>
      <c r="L26" s="1289">
        <v>3242</v>
      </c>
      <c r="M26" s="1289">
        <v>5102</v>
      </c>
      <c r="N26" s="1168">
        <v>57215730</v>
      </c>
      <c r="O26" s="532">
        <v>20</v>
      </c>
      <c r="P26" s="1167" t="s">
        <v>533</v>
      </c>
      <c r="Q26" s="1289">
        <v>1991</v>
      </c>
      <c r="R26" s="1289">
        <v>2652</v>
      </c>
      <c r="S26" s="1289">
        <v>9059440</v>
      </c>
      <c r="T26" s="1289">
        <v>46</v>
      </c>
      <c r="U26" s="1289">
        <v>1097</v>
      </c>
      <c r="V26" s="1289">
        <v>717496</v>
      </c>
      <c r="W26" s="1289">
        <v>36</v>
      </c>
      <c r="X26" s="1289">
        <v>159</v>
      </c>
      <c r="Y26" s="1289">
        <v>1820230</v>
      </c>
      <c r="Z26" s="1289">
        <v>5269</v>
      </c>
      <c r="AA26" s="1168">
        <v>68812896</v>
      </c>
      <c r="AB26" s="532">
        <v>20</v>
      </c>
      <c r="AC26" s="1167" t="s">
        <v>458</v>
      </c>
      <c r="AD26" s="1289">
        <v>3</v>
      </c>
      <c r="AE26" s="1289">
        <v>28</v>
      </c>
      <c r="AF26" s="1289">
        <v>443799</v>
      </c>
      <c r="AG26" s="1289">
        <v>0</v>
      </c>
      <c r="AH26" s="1289">
        <v>0</v>
      </c>
      <c r="AI26" s="1289">
        <v>0</v>
      </c>
      <c r="AJ26" s="1289">
        <v>0</v>
      </c>
      <c r="AK26" s="1290">
        <v>5300</v>
      </c>
      <c r="AL26" s="1290">
        <v>69256695</v>
      </c>
      <c r="AM26" s="1289">
        <v>55088233</v>
      </c>
      <c r="AN26" s="1289">
        <v>3506765</v>
      </c>
      <c r="AO26" s="1289">
        <v>10661697</v>
      </c>
      <c r="AP26" s="1289">
        <v>29</v>
      </c>
      <c r="AQ26" s="1168">
        <v>2568000</v>
      </c>
    </row>
    <row r="27" spans="1:43" s="613" customFormat="1" ht="12.75" customHeight="1" x14ac:dyDescent="0.15">
      <c r="A27" s="532">
        <v>21</v>
      </c>
      <c r="B27" s="1167" t="s">
        <v>532</v>
      </c>
      <c r="C27" s="1289">
        <v>111</v>
      </c>
      <c r="D27" s="1289">
        <v>1133</v>
      </c>
      <c r="E27" s="1289">
        <v>85671100</v>
      </c>
      <c r="F27" s="1289">
        <v>5914</v>
      </c>
      <c r="G27" s="1289">
        <v>8431</v>
      </c>
      <c r="H27" s="1289">
        <v>55186620</v>
      </c>
      <c r="I27" s="1289">
        <v>838</v>
      </c>
      <c r="J27" s="1289">
        <v>1179</v>
      </c>
      <c r="K27" s="1289">
        <v>9248860</v>
      </c>
      <c r="L27" s="1289">
        <v>6863</v>
      </c>
      <c r="M27" s="1289">
        <v>10743</v>
      </c>
      <c r="N27" s="1168">
        <v>150106580</v>
      </c>
      <c r="O27" s="532">
        <v>21</v>
      </c>
      <c r="P27" s="1167" t="s">
        <v>531</v>
      </c>
      <c r="Q27" s="1289">
        <v>4738</v>
      </c>
      <c r="R27" s="1289">
        <v>6359</v>
      </c>
      <c r="S27" s="1289">
        <v>22772330</v>
      </c>
      <c r="T27" s="1289">
        <v>85</v>
      </c>
      <c r="U27" s="1289">
        <v>1933</v>
      </c>
      <c r="V27" s="1289">
        <v>1247736</v>
      </c>
      <c r="W27" s="1289">
        <v>34</v>
      </c>
      <c r="X27" s="1289">
        <v>235</v>
      </c>
      <c r="Y27" s="1289">
        <v>2832210</v>
      </c>
      <c r="Z27" s="1289">
        <v>11635</v>
      </c>
      <c r="AA27" s="1168">
        <v>176958856</v>
      </c>
      <c r="AB27" s="532">
        <v>21</v>
      </c>
      <c r="AC27" s="1167" t="s">
        <v>457</v>
      </c>
      <c r="AD27" s="1289">
        <v>0</v>
      </c>
      <c r="AE27" s="1289">
        <v>29</v>
      </c>
      <c r="AF27" s="1289">
        <v>267548</v>
      </c>
      <c r="AG27" s="1289">
        <v>0</v>
      </c>
      <c r="AH27" s="1289">
        <v>29776</v>
      </c>
      <c r="AI27" s="1289">
        <v>0</v>
      </c>
      <c r="AJ27" s="1289">
        <v>0</v>
      </c>
      <c r="AK27" s="1290">
        <v>11664</v>
      </c>
      <c r="AL27" s="1290">
        <v>177226404</v>
      </c>
      <c r="AM27" s="1289">
        <v>141144738</v>
      </c>
      <c r="AN27" s="1289">
        <v>13986062</v>
      </c>
      <c r="AO27" s="1289">
        <v>22095604</v>
      </c>
      <c r="AP27" s="1289">
        <v>254</v>
      </c>
      <c r="AQ27" s="1168">
        <v>15025709</v>
      </c>
    </row>
    <row r="28" spans="1:43" s="613" customFormat="1" ht="12.75" customHeight="1" x14ac:dyDescent="0.15">
      <c r="A28" s="532">
        <v>22</v>
      </c>
      <c r="B28" s="1167" t="s">
        <v>456</v>
      </c>
      <c r="C28" s="1289">
        <v>12</v>
      </c>
      <c r="D28" s="1289">
        <v>59</v>
      </c>
      <c r="E28" s="1289">
        <v>5153370</v>
      </c>
      <c r="F28" s="1289">
        <v>1235</v>
      </c>
      <c r="G28" s="1289">
        <v>1800</v>
      </c>
      <c r="H28" s="1289">
        <v>8695990</v>
      </c>
      <c r="I28" s="1289">
        <v>187</v>
      </c>
      <c r="J28" s="1289">
        <v>255</v>
      </c>
      <c r="K28" s="1289">
        <v>2248360</v>
      </c>
      <c r="L28" s="1289">
        <v>1434</v>
      </c>
      <c r="M28" s="1289">
        <v>2114</v>
      </c>
      <c r="N28" s="1168">
        <v>16097720</v>
      </c>
      <c r="O28" s="532">
        <v>22</v>
      </c>
      <c r="P28" s="1167" t="s">
        <v>530</v>
      </c>
      <c r="Q28" s="1289">
        <v>1017</v>
      </c>
      <c r="R28" s="1289">
        <v>1312</v>
      </c>
      <c r="S28" s="1289">
        <v>4408440</v>
      </c>
      <c r="T28" s="1289">
        <v>9</v>
      </c>
      <c r="U28" s="1289">
        <v>119</v>
      </c>
      <c r="V28" s="1289">
        <v>77310</v>
      </c>
      <c r="W28" s="1289">
        <v>12</v>
      </c>
      <c r="X28" s="1289">
        <v>32</v>
      </c>
      <c r="Y28" s="1289">
        <v>451100</v>
      </c>
      <c r="Z28" s="1289">
        <v>2463</v>
      </c>
      <c r="AA28" s="1168">
        <v>21034570</v>
      </c>
      <c r="AB28" s="532">
        <v>22</v>
      </c>
      <c r="AC28" s="1167" t="s">
        <v>456</v>
      </c>
      <c r="AD28" s="1289">
        <v>2</v>
      </c>
      <c r="AE28" s="1289">
        <v>2</v>
      </c>
      <c r="AF28" s="1289">
        <v>11375</v>
      </c>
      <c r="AG28" s="1289">
        <v>0</v>
      </c>
      <c r="AH28" s="1289">
        <v>0</v>
      </c>
      <c r="AI28" s="1289">
        <v>0</v>
      </c>
      <c r="AJ28" s="1289">
        <v>0</v>
      </c>
      <c r="AK28" s="1290">
        <v>2467</v>
      </c>
      <c r="AL28" s="1290">
        <v>21045945</v>
      </c>
      <c r="AM28" s="1289">
        <v>16808328</v>
      </c>
      <c r="AN28" s="1289">
        <v>987485</v>
      </c>
      <c r="AO28" s="1289">
        <v>3250132</v>
      </c>
      <c r="AP28" s="1289">
        <v>3</v>
      </c>
      <c r="AQ28" s="1168">
        <v>405465</v>
      </c>
    </row>
    <row r="29" spans="1:43" s="613" customFormat="1" ht="12.75" customHeight="1" x14ac:dyDescent="0.15">
      <c r="A29" s="532">
        <v>23</v>
      </c>
      <c r="B29" s="1152" t="s">
        <v>455</v>
      </c>
      <c r="C29" s="1147">
        <v>13</v>
      </c>
      <c r="D29" s="1147">
        <v>68</v>
      </c>
      <c r="E29" s="1147">
        <v>11460960</v>
      </c>
      <c r="F29" s="1147">
        <v>1091</v>
      </c>
      <c r="G29" s="1147">
        <v>1677</v>
      </c>
      <c r="H29" s="1147">
        <v>11258730</v>
      </c>
      <c r="I29" s="1147">
        <v>106</v>
      </c>
      <c r="J29" s="1147">
        <v>159</v>
      </c>
      <c r="K29" s="1147">
        <v>1238490</v>
      </c>
      <c r="L29" s="1147">
        <v>1210</v>
      </c>
      <c r="M29" s="1147">
        <v>1904</v>
      </c>
      <c r="N29" s="1165">
        <v>23958180</v>
      </c>
      <c r="O29" s="532">
        <v>23</v>
      </c>
      <c r="P29" s="1152" t="s">
        <v>455</v>
      </c>
      <c r="Q29" s="1147">
        <v>820</v>
      </c>
      <c r="R29" s="1147">
        <v>1131</v>
      </c>
      <c r="S29" s="1147">
        <v>3645350</v>
      </c>
      <c r="T29" s="1147">
        <v>9</v>
      </c>
      <c r="U29" s="1147">
        <v>59</v>
      </c>
      <c r="V29" s="1147">
        <v>38124</v>
      </c>
      <c r="W29" s="1147">
        <v>0</v>
      </c>
      <c r="X29" s="1147">
        <v>0</v>
      </c>
      <c r="Y29" s="1147">
        <v>0</v>
      </c>
      <c r="Z29" s="1147">
        <v>2030</v>
      </c>
      <c r="AA29" s="1165">
        <v>27641654</v>
      </c>
      <c r="AB29" s="532">
        <v>23</v>
      </c>
      <c r="AC29" s="1152" t="s">
        <v>455</v>
      </c>
      <c r="AD29" s="1147">
        <v>0</v>
      </c>
      <c r="AE29" s="1147">
        <v>6</v>
      </c>
      <c r="AF29" s="1147">
        <v>95654</v>
      </c>
      <c r="AG29" s="1147">
        <v>2</v>
      </c>
      <c r="AH29" s="1147">
        <v>48774</v>
      </c>
      <c r="AI29" s="1147">
        <v>0</v>
      </c>
      <c r="AJ29" s="1285">
        <v>0</v>
      </c>
      <c r="AK29" s="1140">
        <v>2036</v>
      </c>
      <c r="AL29" s="1138">
        <v>27737308</v>
      </c>
      <c r="AM29" s="1147">
        <v>22170331</v>
      </c>
      <c r="AN29" s="1147">
        <v>1636992</v>
      </c>
      <c r="AO29" s="1285">
        <v>3929985</v>
      </c>
      <c r="AP29" s="1147">
        <v>5</v>
      </c>
      <c r="AQ29" s="1165">
        <v>1606409</v>
      </c>
    </row>
    <row r="30" spans="1:43" s="613" customFormat="1" ht="12.75" customHeight="1" x14ac:dyDescent="0.15">
      <c r="A30" s="532">
        <v>24</v>
      </c>
      <c r="B30" s="1152" t="s">
        <v>454</v>
      </c>
      <c r="C30" s="1147">
        <v>5</v>
      </c>
      <c r="D30" s="1147">
        <v>17</v>
      </c>
      <c r="E30" s="1147">
        <v>1596980</v>
      </c>
      <c r="F30" s="1147">
        <v>485</v>
      </c>
      <c r="G30" s="1147">
        <v>741</v>
      </c>
      <c r="H30" s="1147">
        <v>3970050</v>
      </c>
      <c r="I30" s="1147">
        <v>74</v>
      </c>
      <c r="J30" s="1147">
        <v>109</v>
      </c>
      <c r="K30" s="1147">
        <v>794190</v>
      </c>
      <c r="L30" s="1147">
        <v>564</v>
      </c>
      <c r="M30" s="1147">
        <v>867</v>
      </c>
      <c r="N30" s="1165">
        <v>6361220</v>
      </c>
      <c r="O30" s="532">
        <v>24</v>
      </c>
      <c r="P30" s="1152" t="s">
        <v>529</v>
      </c>
      <c r="Q30" s="1147">
        <v>387</v>
      </c>
      <c r="R30" s="1147">
        <v>596</v>
      </c>
      <c r="S30" s="1147">
        <v>2005780</v>
      </c>
      <c r="T30" s="1147">
        <v>3</v>
      </c>
      <c r="U30" s="1147">
        <v>25</v>
      </c>
      <c r="V30" s="1147">
        <v>15430</v>
      </c>
      <c r="W30" s="1147">
        <v>0</v>
      </c>
      <c r="X30" s="1147">
        <v>0</v>
      </c>
      <c r="Y30" s="1147">
        <v>0</v>
      </c>
      <c r="Z30" s="1147">
        <v>951</v>
      </c>
      <c r="AA30" s="1165">
        <v>8382430</v>
      </c>
      <c r="AB30" s="532">
        <v>24</v>
      </c>
      <c r="AC30" s="1152" t="s">
        <v>528</v>
      </c>
      <c r="AD30" s="1147">
        <v>0</v>
      </c>
      <c r="AE30" s="1147">
        <v>1</v>
      </c>
      <c r="AF30" s="1147">
        <v>3260</v>
      </c>
      <c r="AG30" s="1147">
        <v>0</v>
      </c>
      <c r="AH30" s="1147">
        <v>0</v>
      </c>
      <c r="AI30" s="1147">
        <v>0</v>
      </c>
      <c r="AJ30" s="1285">
        <v>0</v>
      </c>
      <c r="AK30" s="1140">
        <v>952</v>
      </c>
      <c r="AL30" s="1138">
        <v>8385690</v>
      </c>
      <c r="AM30" s="1147">
        <v>6700138</v>
      </c>
      <c r="AN30" s="1147">
        <v>135979</v>
      </c>
      <c r="AO30" s="1285">
        <v>1549573</v>
      </c>
      <c r="AP30" s="1147">
        <v>3</v>
      </c>
      <c r="AQ30" s="1165">
        <v>113075</v>
      </c>
    </row>
    <row r="31" spans="1:43" s="613" customFormat="1" ht="12.75" customHeight="1" x14ac:dyDescent="0.15">
      <c r="A31" s="518">
        <v>25</v>
      </c>
      <c r="B31" s="1152" t="s">
        <v>453</v>
      </c>
      <c r="C31" s="1147">
        <v>12</v>
      </c>
      <c r="D31" s="1147">
        <v>61</v>
      </c>
      <c r="E31" s="1147">
        <v>3931130</v>
      </c>
      <c r="F31" s="1147">
        <v>907</v>
      </c>
      <c r="G31" s="1147">
        <v>1233</v>
      </c>
      <c r="H31" s="1147">
        <v>7713460</v>
      </c>
      <c r="I31" s="1147">
        <v>125</v>
      </c>
      <c r="J31" s="1147">
        <v>179</v>
      </c>
      <c r="K31" s="1147">
        <v>1662730</v>
      </c>
      <c r="L31" s="1147">
        <v>1044</v>
      </c>
      <c r="M31" s="1147">
        <v>1473</v>
      </c>
      <c r="N31" s="1165">
        <v>13307320</v>
      </c>
      <c r="O31" s="532">
        <v>25</v>
      </c>
      <c r="P31" s="1152" t="s">
        <v>453</v>
      </c>
      <c r="Q31" s="1147">
        <v>732</v>
      </c>
      <c r="R31" s="1147">
        <v>957</v>
      </c>
      <c r="S31" s="1147">
        <v>3045970</v>
      </c>
      <c r="T31" s="1147">
        <v>9</v>
      </c>
      <c r="U31" s="1147">
        <v>67</v>
      </c>
      <c r="V31" s="1147">
        <v>42880</v>
      </c>
      <c r="W31" s="1147">
        <v>0</v>
      </c>
      <c r="X31" s="1147">
        <v>0</v>
      </c>
      <c r="Y31" s="1147">
        <v>0</v>
      </c>
      <c r="Z31" s="1147">
        <v>1776</v>
      </c>
      <c r="AA31" s="1165">
        <v>16396170</v>
      </c>
      <c r="AB31" s="532">
        <v>25</v>
      </c>
      <c r="AC31" s="1152" t="s">
        <v>527</v>
      </c>
      <c r="AD31" s="1147">
        <v>0</v>
      </c>
      <c r="AE31" s="1147">
        <v>1</v>
      </c>
      <c r="AF31" s="1147">
        <v>4270</v>
      </c>
      <c r="AG31" s="1147">
        <v>0</v>
      </c>
      <c r="AH31" s="1147">
        <v>0</v>
      </c>
      <c r="AI31" s="1147">
        <v>0</v>
      </c>
      <c r="AJ31" s="1285">
        <v>0</v>
      </c>
      <c r="AK31" s="1140">
        <v>1777</v>
      </c>
      <c r="AL31" s="1138">
        <v>16400440</v>
      </c>
      <c r="AM31" s="1147">
        <v>13098108</v>
      </c>
      <c r="AN31" s="1147">
        <v>379472</v>
      </c>
      <c r="AO31" s="1285">
        <v>2922860</v>
      </c>
      <c r="AP31" s="1147">
        <v>2</v>
      </c>
      <c r="AQ31" s="1165">
        <v>353315</v>
      </c>
    </row>
    <row r="32" spans="1:43" s="613" customFormat="1" ht="12.75" customHeight="1" x14ac:dyDescent="0.15">
      <c r="A32" s="518">
        <v>26</v>
      </c>
      <c r="B32" s="1152" t="s">
        <v>452</v>
      </c>
      <c r="C32" s="1147">
        <v>5</v>
      </c>
      <c r="D32" s="1147">
        <v>29</v>
      </c>
      <c r="E32" s="1147">
        <v>1383900</v>
      </c>
      <c r="F32" s="1147">
        <v>319</v>
      </c>
      <c r="G32" s="1147">
        <v>475</v>
      </c>
      <c r="H32" s="1147">
        <v>3108980</v>
      </c>
      <c r="I32" s="1147">
        <v>49</v>
      </c>
      <c r="J32" s="1147">
        <v>73</v>
      </c>
      <c r="K32" s="1147">
        <v>562910</v>
      </c>
      <c r="L32" s="1147">
        <v>373</v>
      </c>
      <c r="M32" s="1147">
        <v>577</v>
      </c>
      <c r="N32" s="1165">
        <v>5055790</v>
      </c>
      <c r="O32" s="518">
        <v>26</v>
      </c>
      <c r="P32" s="1152" t="s">
        <v>526</v>
      </c>
      <c r="Q32" s="1147">
        <v>251</v>
      </c>
      <c r="R32" s="1147">
        <v>371</v>
      </c>
      <c r="S32" s="1147">
        <v>1300570</v>
      </c>
      <c r="T32" s="1147">
        <v>5</v>
      </c>
      <c r="U32" s="1147">
        <v>68</v>
      </c>
      <c r="V32" s="1147">
        <v>43520</v>
      </c>
      <c r="W32" s="1147">
        <v>0</v>
      </c>
      <c r="X32" s="1147">
        <v>0</v>
      </c>
      <c r="Y32" s="1147">
        <v>0</v>
      </c>
      <c r="Z32" s="1147">
        <v>624</v>
      </c>
      <c r="AA32" s="1165">
        <v>6399880</v>
      </c>
      <c r="AB32" s="518">
        <v>26</v>
      </c>
      <c r="AC32" s="1152" t="s">
        <v>452</v>
      </c>
      <c r="AD32" s="1147">
        <v>0</v>
      </c>
      <c r="AE32" s="1147">
        <v>2</v>
      </c>
      <c r="AF32" s="1147">
        <v>46062</v>
      </c>
      <c r="AG32" s="1147">
        <v>0</v>
      </c>
      <c r="AH32" s="1147">
        <v>0</v>
      </c>
      <c r="AI32" s="1147">
        <v>0</v>
      </c>
      <c r="AJ32" s="1285">
        <v>0</v>
      </c>
      <c r="AK32" s="1140">
        <v>626</v>
      </c>
      <c r="AL32" s="1138">
        <v>6445942</v>
      </c>
      <c r="AM32" s="1147">
        <v>5147177</v>
      </c>
      <c r="AN32" s="1147">
        <v>327717</v>
      </c>
      <c r="AO32" s="1285">
        <v>971048</v>
      </c>
      <c r="AP32" s="1147">
        <v>10</v>
      </c>
      <c r="AQ32" s="1165">
        <v>282353</v>
      </c>
    </row>
    <row r="33" spans="1:43" s="613" customFormat="1" ht="12.75" customHeight="1" x14ac:dyDescent="0.15">
      <c r="A33" s="518">
        <v>27</v>
      </c>
      <c r="B33" s="1152" t="s">
        <v>451</v>
      </c>
      <c r="C33" s="1147">
        <v>5</v>
      </c>
      <c r="D33" s="1147">
        <v>52</v>
      </c>
      <c r="E33" s="1147">
        <v>7563870</v>
      </c>
      <c r="F33" s="1147">
        <v>297</v>
      </c>
      <c r="G33" s="1147">
        <v>441</v>
      </c>
      <c r="H33" s="1147">
        <v>2752830</v>
      </c>
      <c r="I33" s="1147">
        <v>67</v>
      </c>
      <c r="J33" s="1147">
        <v>101</v>
      </c>
      <c r="K33" s="1147">
        <v>767860</v>
      </c>
      <c r="L33" s="1147">
        <v>369</v>
      </c>
      <c r="M33" s="1147">
        <v>594</v>
      </c>
      <c r="N33" s="1165">
        <v>11084560</v>
      </c>
      <c r="O33" s="518">
        <v>27</v>
      </c>
      <c r="P33" s="1152" t="s">
        <v>525</v>
      </c>
      <c r="Q33" s="1147">
        <v>251</v>
      </c>
      <c r="R33" s="1147">
        <v>366</v>
      </c>
      <c r="S33" s="1147">
        <v>1190310</v>
      </c>
      <c r="T33" s="1147">
        <v>4</v>
      </c>
      <c r="U33" s="1147">
        <v>116</v>
      </c>
      <c r="V33" s="1147">
        <v>75240</v>
      </c>
      <c r="W33" s="1147">
        <v>0</v>
      </c>
      <c r="X33" s="1147">
        <v>0</v>
      </c>
      <c r="Y33" s="1147">
        <v>0</v>
      </c>
      <c r="Z33" s="1147">
        <v>620</v>
      </c>
      <c r="AA33" s="1165">
        <v>12350110</v>
      </c>
      <c r="AB33" s="518">
        <v>27</v>
      </c>
      <c r="AC33" s="1152" t="s">
        <v>451</v>
      </c>
      <c r="AD33" s="1147">
        <v>0</v>
      </c>
      <c r="AE33" s="1147">
        <v>2</v>
      </c>
      <c r="AF33" s="1147">
        <v>14700</v>
      </c>
      <c r="AG33" s="1147">
        <v>0</v>
      </c>
      <c r="AH33" s="1147">
        <v>0</v>
      </c>
      <c r="AI33" s="1147">
        <v>0</v>
      </c>
      <c r="AJ33" s="1285">
        <v>0</v>
      </c>
      <c r="AK33" s="1140">
        <v>622</v>
      </c>
      <c r="AL33" s="1138">
        <v>12364810</v>
      </c>
      <c r="AM33" s="1147">
        <v>9853536</v>
      </c>
      <c r="AN33" s="1147">
        <v>1215785</v>
      </c>
      <c r="AO33" s="1285">
        <v>1295489</v>
      </c>
      <c r="AP33" s="1147">
        <v>2</v>
      </c>
      <c r="AQ33" s="1165">
        <v>1133500</v>
      </c>
    </row>
    <row r="34" spans="1:43" s="613" customFormat="1" ht="12.75" customHeight="1" x14ac:dyDescent="0.15">
      <c r="A34" s="518">
        <v>28</v>
      </c>
      <c r="B34" s="1152" t="s">
        <v>524</v>
      </c>
      <c r="C34" s="1147">
        <v>25</v>
      </c>
      <c r="D34" s="1147">
        <v>139</v>
      </c>
      <c r="E34" s="1147">
        <v>13571170</v>
      </c>
      <c r="F34" s="1147">
        <v>852</v>
      </c>
      <c r="G34" s="1147">
        <v>1137</v>
      </c>
      <c r="H34" s="1147">
        <v>7805430</v>
      </c>
      <c r="I34" s="1147">
        <v>75</v>
      </c>
      <c r="J34" s="1147">
        <v>108</v>
      </c>
      <c r="K34" s="1147">
        <v>877970</v>
      </c>
      <c r="L34" s="1147">
        <v>952</v>
      </c>
      <c r="M34" s="1147">
        <v>1384</v>
      </c>
      <c r="N34" s="1165">
        <v>22254570</v>
      </c>
      <c r="O34" s="518">
        <v>28</v>
      </c>
      <c r="P34" s="1152" t="s">
        <v>524</v>
      </c>
      <c r="Q34" s="1147">
        <v>637</v>
      </c>
      <c r="R34" s="1147">
        <v>846</v>
      </c>
      <c r="S34" s="1147">
        <v>2772910</v>
      </c>
      <c r="T34" s="1147">
        <v>22</v>
      </c>
      <c r="U34" s="1147">
        <v>306</v>
      </c>
      <c r="V34" s="1147">
        <v>197990</v>
      </c>
      <c r="W34" s="1147">
        <v>7</v>
      </c>
      <c r="X34" s="1147">
        <v>23</v>
      </c>
      <c r="Y34" s="1147">
        <v>335050</v>
      </c>
      <c r="Z34" s="1147">
        <v>1596</v>
      </c>
      <c r="AA34" s="1165">
        <v>25560520</v>
      </c>
      <c r="AB34" s="518">
        <v>28</v>
      </c>
      <c r="AC34" s="1152" t="s">
        <v>450</v>
      </c>
      <c r="AD34" s="1147">
        <v>0</v>
      </c>
      <c r="AE34" s="1147">
        <v>5</v>
      </c>
      <c r="AF34" s="1147">
        <v>22320</v>
      </c>
      <c r="AG34" s="1147">
        <v>0</v>
      </c>
      <c r="AH34" s="1147">
        <v>0</v>
      </c>
      <c r="AI34" s="1147">
        <v>0</v>
      </c>
      <c r="AJ34" s="1285">
        <v>0</v>
      </c>
      <c r="AK34" s="1140">
        <v>1601</v>
      </c>
      <c r="AL34" s="1138">
        <v>25582840</v>
      </c>
      <c r="AM34" s="1147">
        <v>20366310</v>
      </c>
      <c r="AN34" s="1147">
        <v>2231747</v>
      </c>
      <c r="AO34" s="1285">
        <v>2984783</v>
      </c>
      <c r="AP34" s="1147">
        <v>3</v>
      </c>
      <c r="AQ34" s="1165">
        <v>1327314</v>
      </c>
    </row>
    <row r="35" spans="1:43" s="613" customFormat="1" ht="12.75" customHeight="1" x14ac:dyDescent="0.15">
      <c r="A35" s="518">
        <v>29</v>
      </c>
      <c r="B35" s="1152" t="s">
        <v>523</v>
      </c>
      <c r="C35" s="1147">
        <v>5</v>
      </c>
      <c r="D35" s="1147">
        <v>19</v>
      </c>
      <c r="E35" s="1147">
        <v>1139160</v>
      </c>
      <c r="F35" s="1147">
        <v>385</v>
      </c>
      <c r="G35" s="1147">
        <v>551</v>
      </c>
      <c r="H35" s="1147">
        <v>4335750</v>
      </c>
      <c r="I35" s="1147">
        <v>53</v>
      </c>
      <c r="J35" s="1147">
        <v>84</v>
      </c>
      <c r="K35" s="1147">
        <v>655120</v>
      </c>
      <c r="L35" s="1147">
        <v>443</v>
      </c>
      <c r="M35" s="1147">
        <v>654</v>
      </c>
      <c r="N35" s="1165">
        <v>6130030</v>
      </c>
      <c r="O35" s="518">
        <v>29</v>
      </c>
      <c r="P35" s="1152" t="s">
        <v>522</v>
      </c>
      <c r="Q35" s="1147">
        <v>195</v>
      </c>
      <c r="R35" s="1147">
        <v>276</v>
      </c>
      <c r="S35" s="1147">
        <v>987770</v>
      </c>
      <c r="T35" s="1147">
        <v>5</v>
      </c>
      <c r="U35" s="1147">
        <v>32</v>
      </c>
      <c r="V35" s="1147">
        <v>20480</v>
      </c>
      <c r="W35" s="1147">
        <v>0</v>
      </c>
      <c r="X35" s="1147">
        <v>0</v>
      </c>
      <c r="Y35" s="1147">
        <v>0</v>
      </c>
      <c r="Z35" s="1147">
        <v>638</v>
      </c>
      <c r="AA35" s="1165">
        <v>7138280</v>
      </c>
      <c r="AB35" s="518">
        <v>29</v>
      </c>
      <c r="AC35" s="1152" t="s">
        <v>449</v>
      </c>
      <c r="AD35" s="1147">
        <v>0</v>
      </c>
      <c r="AE35" s="1147">
        <v>1</v>
      </c>
      <c r="AF35" s="1147">
        <v>325823</v>
      </c>
      <c r="AG35" s="1147">
        <v>0</v>
      </c>
      <c r="AH35" s="1147">
        <v>0</v>
      </c>
      <c r="AI35" s="1147">
        <v>0</v>
      </c>
      <c r="AJ35" s="1285">
        <v>0</v>
      </c>
      <c r="AK35" s="1140">
        <v>639</v>
      </c>
      <c r="AL35" s="1138">
        <v>7464103</v>
      </c>
      <c r="AM35" s="1147">
        <v>5960658</v>
      </c>
      <c r="AN35" s="1147">
        <v>159927</v>
      </c>
      <c r="AO35" s="1285">
        <v>1343518</v>
      </c>
      <c r="AP35" s="1147">
        <v>1</v>
      </c>
      <c r="AQ35" s="1165">
        <v>29765</v>
      </c>
    </row>
    <row r="36" spans="1:43" s="613" customFormat="1" ht="12.75" customHeight="1" x14ac:dyDescent="0.15">
      <c r="A36" s="518">
        <v>30</v>
      </c>
      <c r="B36" s="1152" t="s">
        <v>521</v>
      </c>
      <c r="C36" s="1147">
        <v>7</v>
      </c>
      <c r="D36" s="1147">
        <v>30</v>
      </c>
      <c r="E36" s="1147">
        <v>1754140</v>
      </c>
      <c r="F36" s="1147">
        <v>427</v>
      </c>
      <c r="G36" s="1147">
        <v>628</v>
      </c>
      <c r="H36" s="1147">
        <v>3452940</v>
      </c>
      <c r="I36" s="1147">
        <v>46</v>
      </c>
      <c r="J36" s="1147">
        <v>70</v>
      </c>
      <c r="K36" s="1147">
        <v>563060</v>
      </c>
      <c r="L36" s="1147">
        <v>480</v>
      </c>
      <c r="M36" s="1147">
        <v>728</v>
      </c>
      <c r="N36" s="1165">
        <v>5770140</v>
      </c>
      <c r="O36" s="518">
        <v>30</v>
      </c>
      <c r="P36" s="1152" t="s">
        <v>520</v>
      </c>
      <c r="Q36" s="1147">
        <v>264</v>
      </c>
      <c r="R36" s="1147">
        <v>339</v>
      </c>
      <c r="S36" s="1147">
        <v>1361180</v>
      </c>
      <c r="T36" s="1147">
        <v>5</v>
      </c>
      <c r="U36" s="1147">
        <v>40</v>
      </c>
      <c r="V36" s="1147">
        <v>25600</v>
      </c>
      <c r="W36" s="1147">
        <v>0</v>
      </c>
      <c r="X36" s="1147">
        <v>0</v>
      </c>
      <c r="Y36" s="1147">
        <v>0</v>
      </c>
      <c r="Z36" s="1147">
        <v>744</v>
      </c>
      <c r="AA36" s="1165">
        <v>7156920</v>
      </c>
      <c r="AB36" s="518">
        <v>30</v>
      </c>
      <c r="AC36" s="1152" t="s">
        <v>448</v>
      </c>
      <c r="AD36" s="1147">
        <v>0</v>
      </c>
      <c r="AE36" s="1147">
        <v>0</v>
      </c>
      <c r="AF36" s="1147">
        <v>0</v>
      </c>
      <c r="AG36" s="1147">
        <v>0</v>
      </c>
      <c r="AH36" s="1147">
        <v>0</v>
      </c>
      <c r="AI36" s="1147">
        <v>0</v>
      </c>
      <c r="AJ36" s="1285">
        <v>0</v>
      </c>
      <c r="AK36" s="1140">
        <v>744</v>
      </c>
      <c r="AL36" s="1138">
        <v>7156920</v>
      </c>
      <c r="AM36" s="1147">
        <v>5712256</v>
      </c>
      <c r="AN36" s="1147">
        <v>181270</v>
      </c>
      <c r="AO36" s="1285">
        <v>1263394</v>
      </c>
      <c r="AP36" s="1147">
        <v>7</v>
      </c>
      <c r="AQ36" s="1165">
        <v>757048</v>
      </c>
    </row>
    <row r="37" spans="1:43" s="613" customFormat="1" ht="12.75" customHeight="1" x14ac:dyDescent="0.15">
      <c r="A37" s="518">
        <v>31</v>
      </c>
      <c r="B37" s="1152" t="s">
        <v>447</v>
      </c>
      <c r="C37" s="1147">
        <v>12</v>
      </c>
      <c r="D37" s="1147">
        <v>73</v>
      </c>
      <c r="E37" s="1147">
        <v>4607930</v>
      </c>
      <c r="F37" s="1147">
        <v>1035</v>
      </c>
      <c r="G37" s="1147">
        <v>1590</v>
      </c>
      <c r="H37" s="1147">
        <v>9012380</v>
      </c>
      <c r="I37" s="1147">
        <v>146</v>
      </c>
      <c r="J37" s="1147">
        <v>230</v>
      </c>
      <c r="K37" s="1147">
        <v>1689330</v>
      </c>
      <c r="L37" s="1147">
        <v>1193</v>
      </c>
      <c r="M37" s="1147">
        <v>1893</v>
      </c>
      <c r="N37" s="1165">
        <v>15309640</v>
      </c>
      <c r="O37" s="518">
        <v>31</v>
      </c>
      <c r="P37" s="1152" t="s">
        <v>519</v>
      </c>
      <c r="Q37" s="1147">
        <v>556</v>
      </c>
      <c r="R37" s="1147">
        <v>785</v>
      </c>
      <c r="S37" s="1147">
        <v>2625610</v>
      </c>
      <c r="T37" s="1147">
        <v>10</v>
      </c>
      <c r="U37" s="1147">
        <v>152</v>
      </c>
      <c r="V37" s="1147">
        <v>97480</v>
      </c>
      <c r="W37" s="1147">
        <v>1</v>
      </c>
      <c r="X37" s="1147">
        <v>3</v>
      </c>
      <c r="Y37" s="1147">
        <v>42410</v>
      </c>
      <c r="Z37" s="1147">
        <v>1750</v>
      </c>
      <c r="AA37" s="1165">
        <v>18075140</v>
      </c>
      <c r="AB37" s="518">
        <v>31</v>
      </c>
      <c r="AC37" s="1152" t="s">
        <v>447</v>
      </c>
      <c r="AD37" s="1147">
        <v>0</v>
      </c>
      <c r="AE37" s="1147">
        <v>18</v>
      </c>
      <c r="AF37" s="1147">
        <v>318873</v>
      </c>
      <c r="AG37" s="1147">
        <v>0</v>
      </c>
      <c r="AH37" s="1147">
        <v>0</v>
      </c>
      <c r="AI37" s="1147">
        <v>0</v>
      </c>
      <c r="AJ37" s="1285">
        <v>0</v>
      </c>
      <c r="AK37" s="1140">
        <v>1768</v>
      </c>
      <c r="AL37" s="1138">
        <v>18394013</v>
      </c>
      <c r="AM37" s="1147">
        <v>14664786</v>
      </c>
      <c r="AN37" s="1147">
        <v>1414998</v>
      </c>
      <c r="AO37" s="1285">
        <v>2314229</v>
      </c>
      <c r="AP37" s="1147">
        <v>9</v>
      </c>
      <c r="AQ37" s="1165">
        <v>777451</v>
      </c>
    </row>
    <row r="38" spans="1:43" s="613" customFormat="1" ht="12.75" customHeight="1" x14ac:dyDescent="0.15">
      <c r="A38" s="518">
        <v>32</v>
      </c>
      <c r="B38" s="1152" t="s">
        <v>518</v>
      </c>
      <c r="C38" s="1147">
        <v>57</v>
      </c>
      <c r="D38" s="1147">
        <v>639</v>
      </c>
      <c r="E38" s="1147">
        <v>55483500</v>
      </c>
      <c r="F38" s="1147">
        <v>2930</v>
      </c>
      <c r="G38" s="1147">
        <v>3963</v>
      </c>
      <c r="H38" s="1147">
        <v>22082290</v>
      </c>
      <c r="I38" s="1147">
        <v>331</v>
      </c>
      <c r="J38" s="1147">
        <v>453</v>
      </c>
      <c r="K38" s="1147">
        <v>3329020</v>
      </c>
      <c r="L38" s="1147">
        <v>3318</v>
      </c>
      <c r="M38" s="1147">
        <v>5055</v>
      </c>
      <c r="N38" s="1165">
        <v>80894810</v>
      </c>
      <c r="O38" s="518">
        <v>32</v>
      </c>
      <c r="P38" s="1152" t="s">
        <v>446</v>
      </c>
      <c r="Q38" s="1147">
        <v>2380</v>
      </c>
      <c r="R38" s="1147">
        <v>3092</v>
      </c>
      <c r="S38" s="1147">
        <v>11112610</v>
      </c>
      <c r="T38" s="1147">
        <v>41</v>
      </c>
      <c r="U38" s="1147">
        <v>809</v>
      </c>
      <c r="V38" s="1147">
        <v>519552</v>
      </c>
      <c r="W38" s="1147">
        <v>2</v>
      </c>
      <c r="X38" s="1147">
        <v>4</v>
      </c>
      <c r="Y38" s="1147">
        <v>71760</v>
      </c>
      <c r="Z38" s="1147">
        <v>5700</v>
      </c>
      <c r="AA38" s="1165">
        <v>92598732</v>
      </c>
      <c r="AB38" s="518">
        <v>32</v>
      </c>
      <c r="AC38" s="1152" t="s">
        <v>517</v>
      </c>
      <c r="AD38" s="1147">
        <v>0</v>
      </c>
      <c r="AE38" s="1147">
        <v>9</v>
      </c>
      <c r="AF38" s="1147">
        <v>131226</v>
      </c>
      <c r="AG38" s="1147">
        <v>1</v>
      </c>
      <c r="AH38" s="1147">
        <v>23594</v>
      </c>
      <c r="AI38" s="1147">
        <v>0</v>
      </c>
      <c r="AJ38" s="1285">
        <v>0</v>
      </c>
      <c r="AK38" s="1140">
        <v>5709</v>
      </c>
      <c r="AL38" s="1138">
        <v>92729958</v>
      </c>
      <c r="AM38" s="1147">
        <v>73976985</v>
      </c>
      <c r="AN38" s="1147">
        <v>9018799</v>
      </c>
      <c r="AO38" s="1285">
        <v>9734174</v>
      </c>
      <c r="AP38" s="1147">
        <v>55</v>
      </c>
      <c r="AQ38" s="1165">
        <v>8141295</v>
      </c>
    </row>
    <row r="39" spans="1:43" s="613" customFormat="1" ht="12.75" customHeight="1" thickBot="1" x14ac:dyDescent="0.2">
      <c r="A39" s="518">
        <v>33</v>
      </c>
      <c r="B39" s="1152" t="s">
        <v>516</v>
      </c>
      <c r="C39" s="1147">
        <v>2</v>
      </c>
      <c r="D39" s="1147">
        <v>6</v>
      </c>
      <c r="E39" s="1147">
        <v>196750</v>
      </c>
      <c r="F39" s="1147">
        <v>64</v>
      </c>
      <c r="G39" s="1147">
        <v>86</v>
      </c>
      <c r="H39" s="1147">
        <v>514830</v>
      </c>
      <c r="I39" s="1147">
        <v>18</v>
      </c>
      <c r="J39" s="1147">
        <v>23</v>
      </c>
      <c r="K39" s="1147">
        <v>170110</v>
      </c>
      <c r="L39" s="1147">
        <v>84</v>
      </c>
      <c r="M39" s="1147">
        <v>115</v>
      </c>
      <c r="N39" s="1165">
        <v>881690</v>
      </c>
      <c r="O39" s="518">
        <v>33</v>
      </c>
      <c r="P39" s="1152" t="s">
        <v>516</v>
      </c>
      <c r="Q39" s="1147">
        <v>37</v>
      </c>
      <c r="R39" s="1147">
        <v>47</v>
      </c>
      <c r="S39" s="1147">
        <v>131630</v>
      </c>
      <c r="T39" s="1147">
        <v>0</v>
      </c>
      <c r="U39" s="1147">
        <v>0</v>
      </c>
      <c r="V39" s="1147">
        <v>0</v>
      </c>
      <c r="W39" s="1147">
        <v>0</v>
      </c>
      <c r="X39" s="1147">
        <v>0</v>
      </c>
      <c r="Y39" s="1147">
        <v>0</v>
      </c>
      <c r="Z39" s="1147">
        <v>121</v>
      </c>
      <c r="AA39" s="1165">
        <v>1013320</v>
      </c>
      <c r="AB39" s="518">
        <v>33</v>
      </c>
      <c r="AC39" s="1152" t="s">
        <v>445</v>
      </c>
      <c r="AD39" s="1147">
        <v>0</v>
      </c>
      <c r="AE39" s="1147">
        <v>0</v>
      </c>
      <c r="AF39" s="1147">
        <v>0</v>
      </c>
      <c r="AG39" s="1147">
        <v>0</v>
      </c>
      <c r="AH39" s="1147">
        <v>0</v>
      </c>
      <c r="AI39" s="1147">
        <v>0</v>
      </c>
      <c r="AJ39" s="1285">
        <v>0</v>
      </c>
      <c r="AK39" s="1140">
        <v>121</v>
      </c>
      <c r="AL39" s="1138">
        <v>1013320</v>
      </c>
      <c r="AM39" s="1147">
        <v>810656</v>
      </c>
      <c r="AN39" s="1147">
        <v>7964</v>
      </c>
      <c r="AO39" s="1285">
        <v>194700</v>
      </c>
      <c r="AP39" s="1147">
        <v>0</v>
      </c>
      <c r="AQ39" s="1165">
        <v>0</v>
      </c>
    </row>
    <row r="40" spans="1:43" s="613" customFormat="1" ht="12.75" customHeight="1" thickTop="1" thickBot="1" x14ac:dyDescent="0.2">
      <c r="A40" s="1134" t="s">
        <v>316</v>
      </c>
      <c r="B40" s="1133"/>
      <c r="C40" s="1282">
        <v>6092</v>
      </c>
      <c r="D40" s="1282">
        <v>44254</v>
      </c>
      <c r="E40" s="1282">
        <v>3070448160</v>
      </c>
      <c r="F40" s="1282">
        <v>389080</v>
      </c>
      <c r="G40" s="1282">
        <v>570514</v>
      </c>
      <c r="H40" s="1284">
        <v>3380066721</v>
      </c>
      <c r="I40" s="1163">
        <v>58570</v>
      </c>
      <c r="J40" s="1282">
        <v>80887</v>
      </c>
      <c r="K40" s="1284">
        <v>640585790</v>
      </c>
      <c r="L40" s="1127">
        <v>453742</v>
      </c>
      <c r="M40" s="1127">
        <v>695655</v>
      </c>
      <c r="N40" s="1132">
        <v>7091100671</v>
      </c>
      <c r="O40" s="1134" t="s">
        <v>316</v>
      </c>
      <c r="P40" s="1133"/>
      <c r="Q40" s="1282">
        <v>302621</v>
      </c>
      <c r="R40" s="1282">
        <v>408385</v>
      </c>
      <c r="S40" s="1282">
        <v>1429866738</v>
      </c>
      <c r="T40" s="1282">
        <v>4927</v>
      </c>
      <c r="U40" s="1282">
        <v>85939</v>
      </c>
      <c r="V40" s="1284">
        <v>54561570</v>
      </c>
      <c r="W40" s="1163">
        <v>733</v>
      </c>
      <c r="X40" s="1288">
        <v>3683</v>
      </c>
      <c r="Y40" s="1282">
        <v>50902450</v>
      </c>
      <c r="Z40" s="1163">
        <v>757096</v>
      </c>
      <c r="AA40" s="1162">
        <v>8626431429</v>
      </c>
      <c r="AB40" s="1134" t="s">
        <v>316</v>
      </c>
      <c r="AC40" s="1133"/>
      <c r="AD40" s="1282">
        <v>29</v>
      </c>
      <c r="AE40" s="1282">
        <v>2574</v>
      </c>
      <c r="AF40" s="1282">
        <v>36663037</v>
      </c>
      <c r="AG40" s="1282">
        <v>102</v>
      </c>
      <c r="AH40" s="1282">
        <v>1997245</v>
      </c>
      <c r="AI40" s="1282">
        <v>0</v>
      </c>
      <c r="AJ40" s="1281">
        <v>0</v>
      </c>
      <c r="AK40" s="1282">
        <v>759699</v>
      </c>
      <c r="AL40" s="1163">
        <v>8663094466</v>
      </c>
      <c r="AM40" s="1282">
        <v>6904605401</v>
      </c>
      <c r="AN40" s="1282">
        <v>469078082</v>
      </c>
      <c r="AO40" s="1281">
        <v>1289410983</v>
      </c>
      <c r="AP40" s="1282">
        <v>4350</v>
      </c>
      <c r="AQ40" s="1280">
        <v>382710873</v>
      </c>
    </row>
    <row r="41" spans="1:43" s="613" customFormat="1" ht="12.75" customHeight="1" thickTop="1" x14ac:dyDescent="0.15">
      <c r="A41" s="518">
        <v>301</v>
      </c>
      <c r="B41" s="1152" t="s">
        <v>444</v>
      </c>
      <c r="C41" s="1147">
        <v>27</v>
      </c>
      <c r="D41" s="1147">
        <v>121</v>
      </c>
      <c r="E41" s="1147">
        <v>7920970</v>
      </c>
      <c r="F41" s="1147">
        <v>2233</v>
      </c>
      <c r="G41" s="1147">
        <v>3182</v>
      </c>
      <c r="H41" s="1147">
        <v>18372560</v>
      </c>
      <c r="I41" s="1147">
        <v>479</v>
      </c>
      <c r="J41" s="1147">
        <v>602</v>
      </c>
      <c r="K41" s="1147">
        <v>4501200</v>
      </c>
      <c r="L41" s="1147">
        <v>2739</v>
      </c>
      <c r="M41" s="1147">
        <v>3905</v>
      </c>
      <c r="N41" s="1165">
        <v>30794730</v>
      </c>
      <c r="O41" s="518">
        <v>301</v>
      </c>
      <c r="P41" s="1152" t="s">
        <v>444</v>
      </c>
      <c r="Q41" s="1147">
        <v>1594</v>
      </c>
      <c r="R41" s="1147">
        <v>2034</v>
      </c>
      <c r="S41" s="1147">
        <v>8186920</v>
      </c>
      <c r="T41" s="1147">
        <v>19</v>
      </c>
      <c r="U41" s="1147">
        <v>147</v>
      </c>
      <c r="V41" s="1147">
        <v>96030</v>
      </c>
      <c r="W41" s="1147">
        <v>0</v>
      </c>
      <c r="X41" s="1147">
        <v>0</v>
      </c>
      <c r="Y41" s="1147">
        <v>0</v>
      </c>
      <c r="Z41" s="1147">
        <v>4333</v>
      </c>
      <c r="AA41" s="1165">
        <v>39077680</v>
      </c>
      <c r="AB41" s="518">
        <v>301</v>
      </c>
      <c r="AC41" s="1152" t="s">
        <v>515</v>
      </c>
      <c r="AD41" s="1147">
        <v>0</v>
      </c>
      <c r="AE41" s="1147">
        <v>5</v>
      </c>
      <c r="AF41" s="1147">
        <v>94103</v>
      </c>
      <c r="AG41" s="1147">
        <v>0</v>
      </c>
      <c r="AH41" s="1147">
        <v>0</v>
      </c>
      <c r="AI41" s="1147">
        <v>0</v>
      </c>
      <c r="AJ41" s="1285">
        <v>0</v>
      </c>
      <c r="AK41" s="1140">
        <v>4338</v>
      </c>
      <c r="AL41" s="1138">
        <v>39171783</v>
      </c>
      <c r="AM41" s="1147">
        <v>31289011</v>
      </c>
      <c r="AN41" s="1147">
        <v>4432729</v>
      </c>
      <c r="AO41" s="1285">
        <v>3450043</v>
      </c>
      <c r="AP41" s="1147">
        <v>5</v>
      </c>
      <c r="AQ41" s="1165">
        <v>706625</v>
      </c>
    </row>
    <row r="42" spans="1:43" s="613" customFormat="1" ht="12.75" customHeight="1" x14ac:dyDescent="0.15">
      <c r="A42" s="518">
        <v>302</v>
      </c>
      <c r="B42" s="1152" t="s">
        <v>442</v>
      </c>
      <c r="C42" s="1147">
        <v>74</v>
      </c>
      <c r="D42" s="1147">
        <v>453</v>
      </c>
      <c r="E42" s="1147">
        <v>28900440</v>
      </c>
      <c r="F42" s="1147">
        <v>5675</v>
      </c>
      <c r="G42" s="1147">
        <v>8545</v>
      </c>
      <c r="H42" s="1147">
        <v>47017100</v>
      </c>
      <c r="I42" s="1147">
        <v>229</v>
      </c>
      <c r="J42" s="1147">
        <v>297</v>
      </c>
      <c r="K42" s="1147">
        <v>2235590</v>
      </c>
      <c r="L42" s="1147">
        <v>5978</v>
      </c>
      <c r="M42" s="1147">
        <v>9295</v>
      </c>
      <c r="N42" s="1165">
        <v>78153130</v>
      </c>
      <c r="O42" s="518">
        <v>302</v>
      </c>
      <c r="P42" s="1152" t="s">
        <v>514</v>
      </c>
      <c r="Q42" s="1147">
        <v>4254</v>
      </c>
      <c r="R42" s="1147">
        <v>5820</v>
      </c>
      <c r="S42" s="1147">
        <v>20614590</v>
      </c>
      <c r="T42" s="1147">
        <v>59</v>
      </c>
      <c r="U42" s="1147">
        <v>872</v>
      </c>
      <c r="V42" s="1147">
        <v>556634</v>
      </c>
      <c r="W42" s="1147">
        <v>0</v>
      </c>
      <c r="X42" s="1147">
        <v>0</v>
      </c>
      <c r="Y42" s="1147">
        <v>0</v>
      </c>
      <c r="Z42" s="1147">
        <v>10232</v>
      </c>
      <c r="AA42" s="1165">
        <v>99324354</v>
      </c>
      <c r="AB42" s="518">
        <v>302</v>
      </c>
      <c r="AC42" s="1152" t="s">
        <v>514</v>
      </c>
      <c r="AD42" s="1147">
        <v>0</v>
      </c>
      <c r="AE42" s="1147">
        <v>38</v>
      </c>
      <c r="AF42" s="1147">
        <v>607776</v>
      </c>
      <c r="AG42" s="1147">
        <v>0</v>
      </c>
      <c r="AH42" s="1147">
        <v>0</v>
      </c>
      <c r="AI42" s="1147">
        <v>0</v>
      </c>
      <c r="AJ42" s="1285">
        <v>0</v>
      </c>
      <c r="AK42" s="1140">
        <v>10270</v>
      </c>
      <c r="AL42" s="1138">
        <v>99932130</v>
      </c>
      <c r="AM42" s="1147">
        <v>79649448</v>
      </c>
      <c r="AN42" s="1147">
        <v>10275181</v>
      </c>
      <c r="AO42" s="1285">
        <v>10007501</v>
      </c>
      <c r="AP42" s="1147">
        <v>11</v>
      </c>
      <c r="AQ42" s="1165">
        <v>1916329</v>
      </c>
    </row>
    <row r="43" spans="1:43" s="613" customFormat="1" ht="12.75" customHeight="1" x14ac:dyDescent="0.15">
      <c r="A43" s="518">
        <v>303</v>
      </c>
      <c r="B43" s="1152" t="s">
        <v>440</v>
      </c>
      <c r="C43" s="1147">
        <v>96</v>
      </c>
      <c r="D43" s="1147">
        <v>729</v>
      </c>
      <c r="E43" s="1147">
        <v>46079070</v>
      </c>
      <c r="F43" s="1147">
        <v>5066</v>
      </c>
      <c r="G43" s="1147">
        <v>7414</v>
      </c>
      <c r="H43" s="1147">
        <v>49048400</v>
      </c>
      <c r="I43" s="1147">
        <v>682</v>
      </c>
      <c r="J43" s="1147">
        <v>890</v>
      </c>
      <c r="K43" s="1147">
        <v>6705750</v>
      </c>
      <c r="L43" s="1147">
        <v>5844</v>
      </c>
      <c r="M43" s="1147">
        <v>9033</v>
      </c>
      <c r="N43" s="1165">
        <v>101833220</v>
      </c>
      <c r="O43" s="518">
        <v>303</v>
      </c>
      <c r="P43" s="1152" t="s">
        <v>513</v>
      </c>
      <c r="Q43" s="1147">
        <v>3940</v>
      </c>
      <c r="R43" s="1147">
        <v>5292</v>
      </c>
      <c r="S43" s="1147">
        <v>18476110</v>
      </c>
      <c r="T43" s="1147">
        <v>65</v>
      </c>
      <c r="U43" s="1147">
        <v>1171</v>
      </c>
      <c r="V43" s="1147">
        <v>764488</v>
      </c>
      <c r="W43" s="1147">
        <v>45</v>
      </c>
      <c r="X43" s="1147">
        <v>223</v>
      </c>
      <c r="Y43" s="1147">
        <v>3752950</v>
      </c>
      <c r="Z43" s="1147">
        <v>9829</v>
      </c>
      <c r="AA43" s="1165">
        <v>124826768</v>
      </c>
      <c r="AB43" s="518">
        <v>303</v>
      </c>
      <c r="AC43" s="1152" t="s">
        <v>440</v>
      </c>
      <c r="AD43" s="1147">
        <v>0</v>
      </c>
      <c r="AE43" s="1147">
        <v>30</v>
      </c>
      <c r="AF43" s="1147">
        <v>927308</v>
      </c>
      <c r="AG43" s="1147">
        <v>0</v>
      </c>
      <c r="AH43" s="1147">
        <v>0</v>
      </c>
      <c r="AI43" s="1147">
        <v>0</v>
      </c>
      <c r="AJ43" s="1285">
        <v>0</v>
      </c>
      <c r="AK43" s="1140">
        <v>9859</v>
      </c>
      <c r="AL43" s="1138">
        <v>125754076</v>
      </c>
      <c r="AM43" s="1147">
        <v>100219646</v>
      </c>
      <c r="AN43" s="1147">
        <v>6426314</v>
      </c>
      <c r="AO43" s="1285">
        <v>19108116</v>
      </c>
      <c r="AP43" s="1147">
        <v>56</v>
      </c>
      <c r="AQ43" s="1165">
        <v>5685071</v>
      </c>
    </row>
    <row r="44" spans="1:43" s="613" customFormat="1" ht="12.75" customHeight="1" x14ac:dyDescent="0.15">
      <c r="A44" s="518">
        <v>304</v>
      </c>
      <c r="B44" s="1152" t="s">
        <v>437</v>
      </c>
      <c r="C44" s="1147">
        <v>23</v>
      </c>
      <c r="D44" s="1147">
        <v>134</v>
      </c>
      <c r="E44" s="1147">
        <v>7594690</v>
      </c>
      <c r="F44" s="1147">
        <v>1547</v>
      </c>
      <c r="G44" s="1147">
        <v>2469</v>
      </c>
      <c r="H44" s="1147">
        <v>12638570</v>
      </c>
      <c r="I44" s="1147">
        <v>261</v>
      </c>
      <c r="J44" s="1147">
        <v>312</v>
      </c>
      <c r="K44" s="1147">
        <v>2826120</v>
      </c>
      <c r="L44" s="1147">
        <v>1831</v>
      </c>
      <c r="M44" s="1147">
        <v>2915</v>
      </c>
      <c r="N44" s="1165">
        <v>23059380</v>
      </c>
      <c r="O44" s="518">
        <v>304</v>
      </c>
      <c r="P44" s="1152" t="s">
        <v>438</v>
      </c>
      <c r="Q44" s="1147">
        <v>1212</v>
      </c>
      <c r="R44" s="1147">
        <v>1707</v>
      </c>
      <c r="S44" s="1147">
        <v>6331100</v>
      </c>
      <c r="T44" s="1147">
        <v>20</v>
      </c>
      <c r="U44" s="1147">
        <v>279</v>
      </c>
      <c r="V44" s="1147">
        <v>179678</v>
      </c>
      <c r="W44" s="1147">
        <v>12</v>
      </c>
      <c r="X44" s="1147">
        <v>31</v>
      </c>
      <c r="Y44" s="1147">
        <v>335870</v>
      </c>
      <c r="Z44" s="1147">
        <v>3055</v>
      </c>
      <c r="AA44" s="1165">
        <v>29906028</v>
      </c>
      <c r="AB44" s="518">
        <v>304</v>
      </c>
      <c r="AC44" s="1152" t="s">
        <v>437</v>
      </c>
      <c r="AD44" s="1147">
        <v>1</v>
      </c>
      <c r="AE44" s="1147">
        <v>4</v>
      </c>
      <c r="AF44" s="1147">
        <v>48766</v>
      </c>
      <c r="AG44" s="1147">
        <v>0</v>
      </c>
      <c r="AH44" s="1147">
        <v>0</v>
      </c>
      <c r="AI44" s="1147">
        <v>0</v>
      </c>
      <c r="AJ44" s="1285">
        <v>0</v>
      </c>
      <c r="AK44" s="1140">
        <v>3060</v>
      </c>
      <c r="AL44" s="1138">
        <v>29954794</v>
      </c>
      <c r="AM44" s="1147">
        <v>23875630</v>
      </c>
      <c r="AN44" s="1147">
        <v>1668916</v>
      </c>
      <c r="AO44" s="1285">
        <v>4410248</v>
      </c>
      <c r="AP44" s="1147">
        <v>4</v>
      </c>
      <c r="AQ44" s="1165">
        <v>373131</v>
      </c>
    </row>
    <row r="45" spans="1:43" s="613" customFormat="1" ht="12.75" customHeight="1" x14ac:dyDescent="0.15">
      <c r="A45" s="518">
        <v>305</v>
      </c>
      <c r="B45" s="1152" t="s">
        <v>434</v>
      </c>
      <c r="C45" s="1147">
        <v>43</v>
      </c>
      <c r="D45" s="1147">
        <v>238</v>
      </c>
      <c r="E45" s="1147">
        <v>19210120</v>
      </c>
      <c r="F45" s="1147">
        <v>4233</v>
      </c>
      <c r="G45" s="1147">
        <v>6085</v>
      </c>
      <c r="H45" s="1147">
        <v>35551890</v>
      </c>
      <c r="I45" s="1147">
        <v>631</v>
      </c>
      <c r="J45" s="1147">
        <v>787</v>
      </c>
      <c r="K45" s="1147">
        <v>6200620</v>
      </c>
      <c r="L45" s="1147">
        <v>4907</v>
      </c>
      <c r="M45" s="1147">
        <v>7110</v>
      </c>
      <c r="N45" s="1165">
        <v>60962630</v>
      </c>
      <c r="O45" s="518">
        <v>305</v>
      </c>
      <c r="P45" s="1152" t="s">
        <v>434</v>
      </c>
      <c r="Q45" s="1147">
        <v>3317</v>
      </c>
      <c r="R45" s="1147">
        <v>4490</v>
      </c>
      <c r="S45" s="1147">
        <v>14726610</v>
      </c>
      <c r="T45" s="1147">
        <v>29</v>
      </c>
      <c r="U45" s="1147">
        <v>440</v>
      </c>
      <c r="V45" s="1147">
        <v>294268</v>
      </c>
      <c r="W45" s="1147">
        <v>12</v>
      </c>
      <c r="X45" s="1147">
        <v>103</v>
      </c>
      <c r="Y45" s="1147">
        <v>1132210</v>
      </c>
      <c r="Z45" s="1147">
        <v>8236</v>
      </c>
      <c r="AA45" s="1165">
        <v>77115718</v>
      </c>
      <c r="AB45" s="518">
        <v>305</v>
      </c>
      <c r="AC45" s="1152" t="s">
        <v>434</v>
      </c>
      <c r="AD45" s="1147">
        <v>0</v>
      </c>
      <c r="AE45" s="1147">
        <v>15</v>
      </c>
      <c r="AF45" s="1147">
        <v>289748</v>
      </c>
      <c r="AG45" s="1147">
        <v>0</v>
      </c>
      <c r="AH45" s="1147">
        <v>0</v>
      </c>
      <c r="AI45" s="1147">
        <v>0</v>
      </c>
      <c r="AJ45" s="1285">
        <v>0</v>
      </c>
      <c r="AK45" s="1140">
        <v>8251</v>
      </c>
      <c r="AL45" s="1138">
        <v>77405466</v>
      </c>
      <c r="AM45" s="1147">
        <v>61783225</v>
      </c>
      <c r="AN45" s="1147">
        <v>3578166</v>
      </c>
      <c r="AO45" s="1285">
        <v>12044075</v>
      </c>
      <c r="AP45" s="1147">
        <v>14</v>
      </c>
      <c r="AQ45" s="1165">
        <v>1747360</v>
      </c>
    </row>
    <row r="46" spans="1:43" s="613" customFormat="1" ht="12.75" customHeight="1" thickBot="1" x14ac:dyDescent="0.2">
      <c r="A46" s="564">
        <v>306</v>
      </c>
      <c r="B46" s="1148" t="s">
        <v>431</v>
      </c>
      <c r="C46" s="1147">
        <v>998</v>
      </c>
      <c r="D46" s="1147">
        <v>7005</v>
      </c>
      <c r="E46" s="1147">
        <v>534181260</v>
      </c>
      <c r="F46" s="1147">
        <v>63858</v>
      </c>
      <c r="G46" s="1147">
        <v>93551</v>
      </c>
      <c r="H46" s="1147">
        <v>547271450</v>
      </c>
      <c r="I46" s="1147">
        <v>9486</v>
      </c>
      <c r="J46" s="1147">
        <v>12975</v>
      </c>
      <c r="K46" s="1147">
        <v>103486190</v>
      </c>
      <c r="L46" s="1287">
        <v>74342</v>
      </c>
      <c r="M46" s="1287">
        <v>113531</v>
      </c>
      <c r="N46" s="1286">
        <v>1184938900</v>
      </c>
      <c r="O46" s="564">
        <v>306</v>
      </c>
      <c r="P46" s="1148" t="s">
        <v>432</v>
      </c>
      <c r="Q46" s="1147">
        <v>49431</v>
      </c>
      <c r="R46" s="1147">
        <v>66603</v>
      </c>
      <c r="S46" s="1147">
        <v>246558290</v>
      </c>
      <c r="T46" s="1147">
        <v>859</v>
      </c>
      <c r="U46" s="1147">
        <v>14619</v>
      </c>
      <c r="V46" s="1147">
        <v>9395306</v>
      </c>
      <c r="W46" s="1147">
        <v>92</v>
      </c>
      <c r="X46" s="1147">
        <v>273</v>
      </c>
      <c r="Y46" s="1147">
        <v>3854200</v>
      </c>
      <c r="Z46" s="1147">
        <v>123865</v>
      </c>
      <c r="AA46" s="1165">
        <v>1444746696</v>
      </c>
      <c r="AB46" s="564">
        <v>306</v>
      </c>
      <c r="AC46" s="1148" t="s">
        <v>432</v>
      </c>
      <c r="AD46" s="1147">
        <v>0</v>
      </c>
      <c r="AE46" s="1147">
        <v>280</v>
      </c>
      <c r="AF46" s="1147">
        <v>3797956</v>
      </c>
      <c r="AG46" s="1147">
        <v>0</v>
      </c>
      <c r="AH46" s="1147">
        <v>0</v>
      </c>
      <c r="AI46" s="1147">
        <v>0</v>
      </c>
      <c r="AJ46" s="1285">
        <v>0</v>
      </c>
      <c r="AK46" s="1140">
        <v>124145</v>
      </c>
      <c r="AL46" s="1138">
        <v>1448544652</v>
      </c>
      <c r="AM46" s="1147">
        <v>1154307762</v>
      </c>
      <c r="AN46" s="1147">
        <v>77990587</v>
      </c>
      <c r="AO46" s="1285">
        <v>216246303</v>
      </c>
      <c r="AP46" s="1147">
        <v>395</v>
      </c>
      <c r="AQ46" s="1165">
        <v>54257748</v>
      </c>
    </row>
    <row r="47" spans="1:43" s="613" customFormat="1" ht="12.75" customHeight="1" thickTop="1" thickBot="1" x14ac:dyDescent="0.2">
      <c r="A47" s="1134" t="s">
        <v>512</v>
      </c>
      <c r="B47" s="1133"/>
      <c r="C47" s="1281">
        <v>1261</v>
      </c>
      <c r="D47" s="1281">
        <v>8680</v>
      </c>
      <c r="E47" s="1281">
        <v>643886550</v>
      </c>
      <c r="F47" s="1281">
        <v>82612</v>
      </c>
      <c r="G47" s="1281">
        <v>121246</v>
      </c>
      <c r="H47" s="1284">
        <v>709899970</v>
      </c>
      <c r="I47" s="1283">
        <v>11768</v>
      </c>
      <c r="J47" s="1281">
        <v>15863</v>
      </c>
      <c r="K47" s="1281">
        <v>125955470</v>
      </c>
      <c r="L47" s="1281">
        <v>95641</v>
      </c>
      <c r="M47" s="1281">
        <v>145789</v>
      </c>
      <c r="N47" s="1280">
        <v>1479741990</v>
      </c>
      <c r="O47" s="1134" t="s">
        <v>512</v>
      </c>
      <c r="P47" s="1133"/>
      <c r="Q47" s="1281">
        <v>63748</v>
      </c>
      <c r="R47" s="1281">
        <v>85946</v>
      </c>
      <c r="S47" s="1282">
        <v>314893620</v>
      </c>
      <c r="T47" s="1281">
        <v>1051</v>
      </c>
      <c r="U47" s="1281">
        <v>17528</v>
      </c>
      <c r="V47" s="1284">
        <v>11286404</v>
      </c>
      <c r="W47" s="1283">
        <v>161</v>
      </c>
      <c r="X47" s="1281">
        <v>630</v>
      </c>
      <c r="Y47" s="1281">
        <v>9075230</v>
      </c>
      <c r="Z47" s="1281">
        <v>159550</v>
      </c>
      <c r="AA47" s="1280">
        <v>1814997244</v>
      </c>
      <c r="AB47" s="1134" t="s">
        <v>511</v>
      </c>
      <c r="AC47" s="1133"/>
      <c r="AD47" s="1281">
        <v>1</v>
      </c>
      <c r="AE47" s="1281">
        <v>372</v>
      </c>
      <c r="AF47" s="1281">
        <v>5765657</v>
      </c>
      <c r="AG47" s="1281">
        <v>0</v>
      </c>
      <c r="AH47" s="1281">
        <v>0</v>
      </c>
      <c r="AI47" s="1281">
        <v>0</v>
      </c>
      <c r="AJ47" s="1281">
        <v>0</v>
      </c>
      <c r="AK47" s="1281">
        <v>159923</v>
      </c>
      <c r="AL47" s="1282">
        <v>1820762901</v>
      </c>
      <c r="AM47" s="1281">
        <v>1451124722</v>
      </c>
      <c r="AN47" s="1281">
        <v>104371893</v>
      </c>
      <c r="AO47" s="1281">
        <v>265266286</v>
      </c>
      <c r="AP47" s="1281">
        <v>485</v>
      </c>
      <c r="AQ47" s="1280">
        <v>64686264</v>
      </c>
    </row>
    <row r="48" spans="1:43" s="613" customFormat="1" ht="12.75" customHeight="1" thickTop="1" thickBot="1" x14ac:dyDescent="0.2">
      <c r="A48" s="1121" t="s">
        <v>510</v>
      </c>
      <c r="B48" s="1120"/>
      <c r="C48" s="1124">
        <v>7353</v>
      </c>
      <c r="D48" s="1124">
        <v>52934</v>
      </c>
      <c r="E48" s="1124">
        <v>3714334710</v>
      </c>
      <c r="F48" s="1124">
        <v>471692</v>
      </c>
      <c r="G48" s="1124">
        <v>691760</v>
      </c>
      <c r="H48" s="1279">
        <v>4089966691</v>
      </c>
      <c r="I48" s="1119">
        <v>70338</v>
      </c>
      <c r="J48" s="1124">
        <v>96750</v>
      </c>
      <c r="K48" s="1124">
        <v>766541260</v>
      </c>
      <c r="L48" s="1119">
        <v>549383</v>
      </c>
      <c r="M48" s="1119">
        <v>841444</v>
      </c>
      <c r="N48" s="1118">
        <v>8570842661</v>
      </c>
      <c r="O48" s="1121" t="s">
        <v>427</v>
      </c>
      <c r="P48" s="1120"/>
      <c r="Q48" s="1275">
        <v>366369</v>
      </c>
      <c r="R48" s="1275">
        <v>494331</v>
      </c>
      <c r="S48" s="1275">
        <v>1744760358</v>
      </c>
      <c r="T48" s="1275">
        <v>5978</v>
      </c>
      <c r="U48" s="1275">
        <v>103467</v>
      </c>
      <c r="V48" s="1278">
        <v>65847974</v>
      </c>
      <c r="W48" s="1276">
        <v>894</v>
      </c>
      <c r="X48" s="1275">
        <v>4313</v>
      </c>
      <c r="Y48" s="1275">
        <v>59977680</v>
      </c>
      <c r="Z48" s="1276">
        <v>916646</v>
      </c>
      <c r="AA48" s="1277">
        <v>10441428673</v>
      </c>
      <c r="AB48" s="1121" t="s">
        <v>509</v>
      </c>
      <c r="AC48" s="1120"/>
      <c r="AD48" s="1275">
        <v>30</v>
      </c>
      <c r="AE48" s="1275">
        <v>2946</v>
      </c>
      <c r="AF48" s="1275">
        <v>42428694</v>
      </c>
      <c r="AG48" s="1275">
        <v>102</v>
      </c>
      <c r="AH48" s="1275">
        <v>1997245</v>
      </c>
      <c r="AI48" s="1275">
        <v>0</v>
      </c>
      <c r="AJ48" s="1274">
        <v>0</v>
      </c>
      <c r="AK48" s="1275">
        <v>919622</v>
      </c>
      <c r="AL48" s="1276">
        <v>10483857367</v>
      </c>
      <c r="AM48" s="1275">
        <v>8355730123</v>
      </c>
      <c r="AN48" s="1275">
        <v>573449975</v>
      </c>
      <c r="AO48" s="1274">
        <v>1554677269</v>
      </c>
      <c r="AP48" s="1274">
        <v>4835</v>
      </c>
      <c r="AQ48" s="1273">
        <v>447397137</v>
      </c>
    </row>
    <row r="49" spans="3:43" s="602" customFormat="1" ht="10.5" customHeight="1" x14ac:dyDescent="0.15">
      <c r="O49" s="602" t="s">
        <v>325</v>
      </c>
      <c r="Q49" s="644"/>
    </row>
    <row r="50" spans="3:43" ht="10.5" customHeight="1" x14ac:dyDescent="0.15">
      <c r="C50" s="1109"/>
      <c r="D50" s="1109"/>
      <c r="E50" s="1109"/>
      <c r="F50" s="1109"/>
      <c r="G50" s="1109"/>
      <c r="H50" s="1109"/>
      <c r="I50" s="1109"/>
      <c r="J50" s="1109"/>
      <c r="K50" s="1109"/>
      <c r="L50" s="1109"/>
      <c r="M50" s="1109"/>
      <c r="N50" s="1109"/>
      <c r="Q50" s="1109"/>
      <c r="R50" s="1109"/>
      <c r="S50" s="1109"/>
      <c r="T50" s="1109"/>
      <c r="U50" s="1109"/>
      <c r="V50" s="1109"/>
      <c r="W50" s="1109"/>
      <c r="X50" s="1109"/>
      <c r="Y50" s="1109"/>
      <c r="Z50" s="1109"/>
      <c r="AA50" s="1109"/>
      <c r="AD50" s="1109"/>
      <c r="AE50" s="1109"/>
      <c r="AF50" s="1109"/>
      <c r="AG50" s="1109"/>
      <c r="AH50" s="1109"/>
      <c r="AI50" s="1109"/>
      <c r="AJ50" s="1109"/>
      <c r="AK50" s="1109"/>
      <c r="AL50" s="1109"/>
      <c r="AM50" s="1109"/>
      <c r="AN50" s="1109"/>
      <c r="AO50" s="1109"/>
      <c r="AP50" s="1109"/>
      <c r="AQ50" s="1109"/>
    </row>
    <row r="51" spans="3:43" ht="10.5" customHeight="1" x14ac:dyDescent="0.15">
      <c r="C51" s="1109"/>
      <c r="D51" s="1109"/>
      <c r="E51" s="1109"/>
      <c r="F51" s="1109"/>
      <c r="G51" s="1109"/>
      <c r="H51" s="1109"/>
      <c r="I51" s="1109"/>
      <c r="J51" s="1109"/>
      <c r="K51" s="1109"/>
      <c r="L51" s="1109"/>
      <c r="M51" s="1109"/>
      <c r="N51" s="1109"/>
      <c r="Q51" s="1109"/>
      <c r="R51" s="1109"/>
      <c r="S51" s="1109"/>
      <c r="T51" s="1109"/>
      <c r="U51" s="1109"/>
      <c r="V51" s="1109"/>
      <c r="W51" s="1109"/>
      <c r="X51" s="1109"/>
      <c r="Y51" s="1109"/>
      <c r="Z51" s="1109"/>
      <c r="AA51" s="1109"/>
      <c r="AD51" s="1109"/>
      <c r="AE51" s="1109"/>
      <c r="AF51" s="1109"/>
      <c r="AG51" s="1109"/>
      <c r="AH51" s="1109"/>
      <c r="AI51" s="1109"/>
      <c r="AJ51" s="1109"/>
      <c r="AK51" s="1109"/>
      <c r="AL51" s="1109"/>
      <c r="AM51" s="1109"/>
      <c r="AN51" s="1109"/>
      <c r="AO51" s="1109"/>
      <c r="AP51" s="1109"/>
      <c r="AQ51" s="1109"/>
    </row>
    <row r="52" spans="3:43" ht="10.5" customHeight="1" x14ac:dyDescent="0.15">
      <c r="C52" s="1109"/>
      <c r="D52" s="1109"/>
      <c r="E52" s="1109"/>
      <c r="F52" s="1109"/>
      <c r="G52" s="1109"/>
      <c r="H52" s="1109"/>
      <c r="I52" s="1109"/>
      <c r="J52" s="1109"/>
      <c r="K52" s="1109"/>
      <c r="L52" s="1109"/>
      <c r="M52" s="1109"/>
      <c r="N52" s="1109"/>
      <c r="Q52" s="1109"/>
      <c r="R52" s="1109"/>
      <c r="S52" s="1109"/>
      <c r="T52" s="1109"/>
      <c r="U52" s="1109"/>
      <c r="V52" s="1109"/>
      <c r="W52" s="1109"/>
      <c r="X52" s="1109"/>
      <c r="Y52" s="1109"/>
      <c r="Z52" s="1109"/>
      <c r="AA52" s="1109"/>
      <c r="AD52" s="1109"/>
      <c r="AE52" s="1109"/>
      <c r="AF52" s="1109"/>
      <c r="AG52" s="1109"/>
      <c r="AH52" s="1109"/>
      <c r="AI52" s="1109"/>
      <c r="AJ52" s="1109"/>
      <c r="AK52" s="1109"/>
      <c r="AL52" s="1109"/>
      <c r="AM52" s="1109"/>
      <c r="AN52" s="1109"/>
      <c r="AO52" s="1109"/>
      <c r="AP52" s="1109"/>
      <c r="AQ52" s="1109"/>
    </row>
  </sheetData>
  <mergeCells count="35">
    <mergeCell ref="AB40:AC40"/>
    <mergeCell ref="AB47:AC47"/>
    <mergeCell ref="AB48:AC48"/>
    <mergeCell ref="C3:N3"/>
    <mergeCell ref="O3:P6"/>
    <mergeCell ref="Q3:AA3"/>
    <mergeCell ref="I5:K5"/>
    <mergeCell ref="L5:N5"/>
    <mergeCell ref="Q4:S5"/>
    <mergeCell ref="AB3:AC6"/>
    <mergeCell ref="A3:B6"/>
    <mergeCell ref="Z4:AA5"/>
    <mergeCell ref="W4:Y5"/>
    <mergeCell ref="T4:V5"/>
    <mergeCell ref="C5:E5"/>
    <mergeCell ref="F5:H5"/>
    <mergeCell ref="A48:B48"/>
    <mergeCell ref="O40:P40"/>
    <mergeCell ref="O47:P47"/>
    <mergeCell ref="O48:P48"/>
    <mergeCell ref="A40:B40"/>
    <mergeCell ref="A47:B47"/>
    <mergeCell ref="BB3:BC5"/>
    <mergeCell ref="AR3:AS6"/>
    <mergeCell ref="AT3:BA4"/>
    <mergeCell ref="AN5:AN6"/>
    <mergeCell ref="AM3:AO4"/>
    <mergeCell ref="AO5:AO6"/>
    <mergeCell ref="AM5:AM6"/>
    <mergeCell ref="AK3:AL5"/>
    <mergeCell ref="AD3:AJ3"/>
    <mergeCell ref="AD4:AD5"/>
    <mergeCell ref="AI4:AJ5"/>
    <mergeCell ref="AE4:AH4"/>
    <mergeCell ref="AG5:AH5"/>
  </mergeCells>
  <phoneticPr fontId="12"/>
  <printOptions verticalCentered="1"/>
  <pageMargins left="0.6692913385826772" right="0" top="0.59055118110236227" bottom="0.39370078740157483" header="0.51181102362204722" footer="0.51181102362204722"/>
  <pageSetup paperSize="9" scale="85" orientation="landscape" blackAndWhite="1" r:id="rId1"/>
  <headerFooter alignWithMargins="0"/>
  <colBreaks count="3" manualBreakCount="3">
    <brk id="14" max="48" man="1"/>
    <brk id="27" max="48" man="1"/>
    <brk id="43" max="48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Y65"/>
  <sheetViews>
    <sheetView zoomScaleNormal="100" zoomScaleSheetLayoutView="110" workbookViewId="0"/>
  </sheetViews>
  <sheetFormatPr defaultColWidth="9" defaultRowHeight="9.6" x14ac:dyDescent="0.15"/>
  <cols>
    <col min="1" max="1" width="3.6640625" style="316" customWidth="1"/>
    <col min="2" max="2" width="10" style="316" customWidth="1"/>
    <col min="3" max="3" width="8" style="316" customWidth="1"/>
    <col min="4" max="4" width="8.88671875" style="316" customWidth="1"/>
    <col min="5" max="5" width="11.88671875" style="316" customWidth="1"/>
    <col min="6" max="6" width="8.109375" style="316" customWidth="1"/>
    <col min="7" max="7" width="8.88671875" style="316" customWidth="1"/>
    <col min="8" max="8" width="11.88671875" style="316" customWidth="1"/>
    <col min="9" max="9" width="8" style="316" customWidth="1"/>
    <col min="10" max="10" width="8.88671875" style="316" customWidth="1"/>
    <col min="11" max="11" width="11.88671875" style="316" customWidth="1"/>
    <col min="12" max="12" width="8.109375" style="316" customWidth="1"/>
    <col min="13" max="13" width="9.44140625" style="316" customWidth="1"/>
    <col min="14" max="14" width="12.44140625" style="316" customWidth="1"/>
    <col min="15" max="15" width="8.109375" style="316" customWidth="1"/>
    <col min="16" max="16" width="9.33203125" style="316" customWidth="1"/>
    <col min="17" max="17" width="11.88671875" style="316" customWidth="1"/>
    <col min="18" max="18" width="3.6640625" style="316" customWidth="1"/>
    <col min="19" max="19" width="10" style="316" customWidth="1"/>
    <col min="20" max="21" width="7.44140625" style="316" customWidth="1"/>
    <col min="22" max="22" width="10" style="316" customWidth="1"/>
    <col min="23" max="24" width="6.109375" style="316" customWidth="1"/>
    <col min="25" max="25" width="10" style="316" customWidth="1"/>
    <col min="26" max="26" width="9.33203125" style="316" customWidth="1"/>
    <col min="27" max="27" width="13.88671875" style="316" customWidth="1"/>
    <col min="28" max="29" width="6.6640625" style="316" customWidth="1"/>
    <col min="30" max="30" width="10.6640625" style="316" customWidth="1"/>
    <col min="31" max="31" width="6.6640625" style="316" customWidth="1"/>
    <col min="32" max="32" width="10.6640625" style="316" customWidth="1"/>
    <col min="33" max="33" width="6.6640625" style="316" customWidth="1"/>
    <col min="34" max="34" width="10" style="316" customWidth="1"/>
    <col min="35" max="35" width="6.6640625" style="316" customWidth="1"/>
    <col min="36" max="36" width="10" style="316" customWidth="1"/>
    <col min="37" max="37" width="3.6640625" style="489" customWidth="1"/>
    <col min="38" max="38" width="10" style="489" customWidth="1"/>
    <col min="39" max="39" width="6.6640625" style="316" customWidth="1"/>
    <col min="40" max="40" width="10.6640625" style="316" customWidth="1"/>
    <col min="41" max="41" width="6.6640625" style="316" customWidth="1"/>
    <col min="42" max="42" width="8.33203125" style="316" customWidth="1"/>
    <col min="43" max="43" width="6.109375" style="316" customWidth="1"/>
    <col min="44" max="44" width="13.109375" style="316" customWidth="1"/>
    <col min="45" max="45" width="4.109375" style="316" customWidth="1"/>
    <col min="46" max="46" width="10" style="316" customWidth="1"/>
    <col min="47" max="47" width="5.6640625" style="316" customWidth="1"/>
    <col min="48" max="48" width="8.109375" style="316" customWidth="1"/>
    <col min="49" max="49" width="10.6640625" style="316" customWidth="1"/>
    <col min="50" max="50" width="15" style="316" customWidth="1"/>
    <col min="51" max="51" width="3.6640625" style="316" hidden="1" customWidth="1"/>
    <col min="52" max="52" width="9.6640625" style="316" hidden="1" customWidth="1"/>
    <col min="53" max="54" width="15" style="316" customWidth="1"/>
    <col min="55" max="55" width="13.88671875" style="316" customWidth="1"/>
    <col min="56" max="56" width="3.6640625" style="316" customWidth="1"/>
    <col min="57" max="57" width="10" style="316" customWidth="1"/>
    <col min="58" max="58" width="7.88671875" style="316" customWidth="1"/>
    <col min="59" max="59" width="15.44140625" style="316" customWidth="1"/>
    <col min="60" max="60" width="7.6640625" style="316" customWidth="1"/>
    <col min="61" max="61" width="13.88671875" style="316" customWidth="1"/>
    <col min="62" max="16384" width="9" style="489"/>
  </cols>
  <sheetData>
    <row r="1" spans="1:61" s="482" customFormat="1" ht="12.75" customHeight="1" x14ac:dyDescent="0.2">
      <c r="A1" s="475" t="s">
        <v>326</v>
      </c>
      <c r="B1" s="476"/>
      <c r="C1" s="476"/>
      <c r="D1" s="476"/>
      <c r="E1" s="476"/>
      <c r="F1" s="476"/>
      <c r="G1" s="476"/>
      <c r="H1" s="476"/>
      <c r="I1" s="476"/>
      <c r="J1" s="476"/>
      <c r="K1" s="476"/>
      <c r="L1" s="476"/>
      <c r="M1" s="476"/>
      <c r="N1" s="476"/>
      <c r="O1" s="476"/>
      <c r="P1" s="476"/>
      <c r="Q1" s="975" t="s">
        <v>258</v>
      </c>
      <c r="R1" s="477" t="s">
        <v>327</v>
      </c>
      <c r="S1" s="476"/>
      <c r="T1" s="476"/>
      <c r="U1" s="476"/>
      <c r="V1" s="476"/>
      <c r="W1" s="476"/>
      <c r="X1" s="476"/>
      <c r="Y1" s="476"/>
      <c r="Z1" s="476"/>
      <c r="AA1" s="476"/>
      <c r="AB1" s="476"/>
      <c r="AC1" s="476"/>
      <c r="AD1" s="476"/>
      <c r="AE1" s="476"/>
      <c r="AF1" s="476"/>
      <c r="AG1" s="476"/>
      <c r="AH1" s="476"/>
      <c r="AI1" s="476"/>
      <c r="AJ1" s="975" t="s">
        <v>258</v>
      </c>
      <c r="AK1" s="478" t="s">
        <v>328</v>
      </c>
      <c r="AL1" s="479"/>
      <c r="AM1" s="476"/>
      <c r="AN1" s="476"/>
      <c r="AO1" s="476"/>
      <c r="AP1" s="476"/>
      <c r="AQ1" s="476"/>
      <c r="AR1" s="476"/>
      <c r="AS1" s="476"/>
      <c r="AT1" s="476"/>
      <c r="AU1" s="476"/>
      <c r="AV1" s="476"/>
      <c r="AW1" s="476"/>
      <c r="AX1" s="476"/>
      <c r="AY1" s="480" t="s">
        <v>329</v>
      </c>
      <c r="AZ1" s="476"/>
      <c r="BA1" s="309"/>
      <c r="BB1" s="476"/>
      <c r="BC1" s="975" t="s">
        <v>258</v>
      </c>
      <c r="BD1" s="477" t="s">
        <v>330</v>
      </c>
      <c r="BE1" s="476"/>
      <c r="BF1" s="476"/>
      <c r="BG1" s="476"/>
      <c r="BH1" s="309"/>
      <c r="BI1" s="481"/>
    </row>
    <row r="2" spans="1:61" ht="10.5" customHeight="1" thickBot="1" x14ac:dyDescent="0.2">
      <c r="A2" s="483"/>
      <c r="B2" s="484"/>
      <c r="C2" s="484"/>
      <c r="D2" s="484"/>
      <c r="E2" s="484"/>
      <c r="F2" s="484"/>
      <c r="G2" s="484"/>
      <c r="H2" s="484"/>
      <c r="I2" s="484"/>
      <c r="J2" s="484"/>
      <c r="K2" s="484"/>
      <c r="L2" s="484"/>
      <c r="M2" s="484"/>
      <c r="N2" s="484"/>
      <c r="O2" s="484"/>
      <c r="P2" s="484"/>
      <c r="Q2" s="976"/>
      <c r="R2" s="485"/>
      <c r="S2" s="484"/>
      <c r="T2" s="484"/>
      <c r="U2" s="484"/>
      <c r="V2" s="484"/>
      <c r="W2" s="484"/>
      <c r="X2" s="484"/>
      <c r="Y2" s="484"/>
      <c r="Z2" s="484"/>
      <c r="AA2" s="484"/>
      <c r="AB2" s="484"/>
      <c r="AC2" s="484"/>
      <c r="AD2" s="484"/>
      <c r="AE2" s="484"/>
      <c r="AF2" s="484"/>
      <c r="AG2" s="484"/>
      <c r="AH2" s="484"/>
      <c r="AI2" s="484"/>
      <c r="AJ2" s="976"/>
      <c r="AK2" s="486"/>
      <c r="AL2" s="487"/>
      <c r="AM2" s="484"/>
      <c r="AN2" s="484"/>
      <c r="AO2" s="484"/>
      <c r="AP2" s="484"/>
      <c r="AQ2" s="484"/>
      <c r="AR2" s="484"/>
      <c r="AS2" s="484"/>
      <c r="AT2" s="484"/>
      <c r="AU2" s="484"/>
      <c r="AV2" s="484"/>
      <c r="AW2" s="484"/>
      <c r="AX2" s="484"/>
      <c r="AY2" s="483"/>
      <c r="AZ2" s="484"/>
      <c r="BB2" s="484"/>
      <c r="BC2" s="976"/>
      <c r="BD2" s="485"/>
      <c r="BE2" s="484"/>
      <c r="BF2" s="484"/>
      <c r="BG2" s="319"/>
      <c r="BI2" s="488" t="s">
        <v>331</v>
      </c>
    </row>
    <row r="3" spans="1:61" s="493" customFormat="1" ht="10.5" customHeight="1" x14ac:dyDescent="0.15">
      <c r="A3" s="953" t="s">
        <v>236</v>
      </c>
      <c r="B3" s="978"/>
      <c r="C3" s="1037" t="s">
        <v>332</v>
      </c>
      <c r="D3" s="1038"/>
      <c r="E3" s="1038"/>
      <c r="F3" s="1038"/>
      <c r="G3" s="1038"/>
      <c r="H3" s="1038"/>
      <c r="I3" s="1038"/>
      <c r="J3" s="1038"/>
      <c r="K3" s="1038"/>
      <c r="L3" s="1038"/>
      <c r="M3" s="1038"/>
      <c r="N3" s="1038"/>
      <c r="O3" s="1038"/>
      <c r="P3" s="1038"/>
      <c r="Q3" s="1039"/>
      <c r="R3" s="953" t="s">
        <v>236</v>
      </c>
      <c r="S3" s="978"/>
      <c r="T3" s="1037" t="s">
        <v>333</v>
      </c>
      <c r="U3" s="1038"/>
      <c r="V3" s="1038"/>
      <c r="W3" s="1038"/>
      <c r="X3" s="1038"/>
      <c r="Y3" s="1038"/>
      <c r="Z3" s="1038"/>
      <c r="AA3" s="1038"/>
      <c r="AB3" s="1040" t="s">
        <v>334</v>
      </c>
      <c r="AC3" s="1041"/>
      <c r="AD3" s="1041"/>
      <c r="AE3" s="1041"/>
      <c r="AF3" s="1041"/>
      <c r="AG3" s="1041"/>
      <c r="AH3" s="1041"/>
      <c r="AI3" s="1041"/>
      <c r="AJ3" s="1042"/>
      <c r="AK3" s="1043" t="s">
        <v>236</v>
      </c>
      <c r="AL3" s="1044"/>
      <c r="AM3" s="1049" t="s">
        <v>335</v>
      </c>
      <c r="AN3" s="1050"/>
      <c r="AO3" s="1050"/>
      <c r="AP3" s="1050"/>
      <c r="AQ3" s="1050"/>
      <c r="AR3" s="1050"/>
      <c r="AS3" s="1050"/>
      <c r="AT3" s="1050"/>
      <c r="AU3" s="1050"/>
      <c r="AV3" s="1050"/>
      <c r="AW3" s="893" t="s">
        <v>267</v>
      </c>
      <c r="AX3" s="1021"/>
      <c r="AY3" s="967" t="s">
        <v>236</v>
      </c>
      <c r="AZ3" s="967"/>
      <c r="BA3" s="1026" t="s">
        <v>336</v>
      </c>
      <c r="BB3" s="1027"/>
      <c r="BC3" s="1028"/>
      <c r="BD3" s="1032" t="s">
        <v>337</v>
      </c>
      <c r="BE3" s="968"/>
      <c r="BF3" s="490"/>
      <c r="BG3" s="491"/>
      <c r="BH3" s="490"/>
      <c r="BI3" s="492"/>
    </row>
    <row r="4" spans="1:61" s="498" customFormat="1" ht="10.5" customHeight="1" x14ac:dyDescent="0.2">
      <c r="A4" s="955"/>
      <c r="B4" s="979"/>
      <c r="C4" s="945" t="s">
        <v>273</v>
      </c>
      <c r="D4" s="946"/>
      <c r="E4" s="946"/>
      <c r="F4" s="946"/>
      <c r="G4" s="946"/>
      <c r="H4" s="946"/>
      <c r="I4" s="946"/>
      <c r="J4" s="946"/>
      <c r="K4" s="946"/>
      <c r="L4" s="946"/>
      <c r="M4" s="946"/>
      <c r="N4" s="946"/>
      <c r="O4" s="935" t="s">
        <v>274</v>
      </c>
      <c r="P4" s="936"/>
      <c r="Q4" s="941"/>
      <c r="R4" s="955"/>
      <c r="S4" s="979"/>
      <c r="T4" s="940" t="s">
        <v>338</v>
      </c>
      <c r="U4" s="936"/>
      <c r="V4" s="899"/>
      <c r="W4" s="940" t="s">
        <v>339</v>
      </c>
      <c r="X4" s="936"/>
      <c r="Y4" s="899"/>
      <c r="Z4" s="940" t="s">
        <v>340</v>
      </c>
      <c r="AA4" s="936"/>
      <c r="AB4" s="1051" t="s">
        <v>341</v>
      </c>
      <c r="AC4" s="494" t="s">
        <v>279</v>
      </c>
      <c r="AD4" s="495"/>
      <c r="AE4" s="495"/>
      <c r="AF4" s="495"/>
      <c r="AG4" s="495"/>
      <c r="AH4" s="495"/>
      <c r="AI4" s="496"/>
      <c r="AJ4" s="497"/>
      <c r="AK4" s="1045"/>
      <c r="AL4" s="1046"/>
      <c r="AM4" s="1053" t="s">
        <v>342</v>
      </c>
      <c r="AN4" s="1054"/>
      <c r="AO4" s="1054"/>
      <c r="AP4" s="1054"/>
      <c r="AQ4" s="1054"/>
      <c r="AR4" s="1054"/>
      <c r="AS4" s="1055"/>
      <c r="AT4" s="1056"/>
      <c r="AU4" s="1057" t="s">
        <v>343</v>
      </c>
      <c r="AV4" s="1058"/>
      <c r="AW4" s="895"/>
      <c r="AX4" s="1022"/>
      <c r="AY4" s="972"/>
      <c r="AZ4" s="972"/>
      <c r="BA4" s="1029"/>
      <c r="BB4" s="1030"/>
      <c r="BC4" s="1031"/>
      <c r="BD4" s="1033"/>
      <c r="BE4" s="1034"/>
      <c r="BF4" s="1018" t="s">
        <v>344</v>
      </c>
      <c r="BG4" s="1019"/>
      <c r="BH4" s="1018" t="s">
        <v>345</v>
      </c>
      <c r="BI4" s="1020"/>
    </row>
    <row r="5" spans="1:61" s="498" customFormat="1" ht="10.5" customHeight="1" x14ac:dyDescent="0.2">
      <c r="A5" s="955"/>
      <c r="B5" s="979"/>
      <c r="C5" s="988" t="s">
        <v>346</v>
      </c>
      <c r="D5" s="989"/>
      <c r="E5" s="990"/>
      <c r="F5" s="988" t="s">
        <v>347</v>
      </c>
      <c r="G5" s="989"/>
      <c r="H5" s="990"/>
      <c r="I5" s="988" t="s">
        <v>348</v>
      </c>
      <c r="J5" s="989"/>
      <c r="K5" s="990"/>
      <c r="L5" s="988" t="s">
        <v>349</v>
      </c>
      <c r="M5" s="989"/>
      <c r="N5" s="989"/>
      <c r="O5" s="937"/>
      <c r="P5" s="938"/>
      <c r="Q5" s="942"/>
      <c r="R5" s="955"/>
      <c r="S5" s="979"/>
      <c r="T5" s="888"/>
      <c r="U5" s="938"/>
      <c r="V5" s="939"/>
      <c r="W5" s="888"/>
      <c r="X5" s="938"/>
      <c r="Y5" s="939"/>
      <c r="Z5" s="888"/>
      <c r="AA5" s="938"/>
      <c r="AB5" s="1051"/>
      <c r="AC5" s="988" t="s">
        <v>350</v>
      </c>
      <c r="AD5" s="990"/>
      <c r="AE5" s="1012" t="s">
        <v>351</v>
      </c>
      <c r="AF5" s="1013"/>
      <c r="AG5" s="1012" t="s">
        <v>352</v>
      </c>
      <c r="AH5" s="1013"/>
      <c r="AI5" s="1012" t="s">
        <v>353</v>
      </c>
      <c r="AJ5" s="1014"/>
      <c r="AK5" s="1045"/>
      <c r="AL5" s="1046"/>
      <c r="AM5" s="885" t="s">
        <v>354</v>
      </c>
      <c r="AN5" s="1015"/>
      <c r="AO5" s="937" t="s">
        <v>355</v>
      </c>
      <c r="AP5" s="889"/>
      <c r="AQ5" s="888" t="s">
        <v>356</v>
      </c>
      <c r="AR5" s="890"/>
      <c r="AS5" s="1016" t="s">
        <v>357</v>
      </c>
      <c r="AT5" s="1017"/>
      <c r="AU5" s="937"/>
      <c r="AV5" s="938"/>
      <c r="AW5" s="1023"/>
      <c r="AX5" s="1024"/>
      <c r="AY5" s="972"/>
      <c r="AZ5" s="972"/>
      <c r="BA5" s="1004" t="s">
        <v>293</v>
      </c>
      <c r="BB5" s="1006" t="s">
        <v>358</v>
      </c>
      <c r="BC5" s="1008" t="s">
        <v>132</v>
      </c>
      <c r="BD5" s="1033"/>
      <c r="BE5" s="1034"/>
      <c r="BF5" s="499"/>
      <c r="BG5" s="500"/>
      <c r="BH5" s="499"/>
      <c r="BI5" s="501"/>
    </row>
    <row r="6" spans="1:61" s="498" customFormat="1" ht="22.2" thickBot="1" x14ac:dyDescent="0.25">
      <c r="A6" s="957"/>
      <c r="B6" s="980"/>
      <c r="C6" s="502" t="s">
        <v>359</v>
      </c>
      <c r="D6" s="503" t="s">
        <v>360</v>
      </c>
      <c r="E6" s="504" t="s">
        <v>361</v>
      </c>
      <c r="F6" s="502" t="s">
        <v>362</v>
      </c>
      <c r="G6" s="503" t="s">
        <v>360</v>
      </c>
      <c r="H6" s="504" t="s">
        <v>361</v>
      </c>
      <c r="I6" s="502" t="s">
        <v>363</v>
      </c>
      <c r="J6" s="503" t="s">
        <v>360</v>
      </c>
      <c r="K6" s="504" t="s">
        <v>364</v>
      </c>
      <c r="L6" s="502" t="s">
        <v>363</v>
      </c>
      <c r="M6" s="503" t="s">
        <v>365</v>
      </c>
      <c r="N6" s="504" t="s">
        <v>366</v>
      </c>
      <c r="O6" s="505" t="s">
        <v>363</v>
      </c>
      <c r="P6" s="506" t="s">
        <v>304</v>
      </c>
      <c r="Q6" s="507" t="s">
        <v>367</v>
      </c>
      <c r="R6" s="957"/>
      <c r="S6" s="980"/>
      <c r="T6" s="502" t="s">
        <v>362</v>
      </c>
      <c r="U6" s="503" t="s">
        <v>368</v>
      </c>
      <c r="V6" s="504" t="s">
        <v>361</v>
      </c>
      <c r="W6" s="502" t="s">
        <v>362</v>
      </c>
      <c r="X6" s="503" t="s">
        <v>360</v>
      </c>
      <c r="Y6" s="504" t="s">
        <v>367</v>
      </c>
      <c r="Z6" s="502" t="s">
        <v>363</v>
      </c>
      <c r="AA6" s="504" t="s">
        <v>366</v>
      </c>
      <c r="AB6" s="1052"/>
      <c r="AC6" s="504" t="s">
        <v>369</v>
      </c>
      <c r="AD6" s="502" t="s">
        <v>310</v>
      </c>
      <c r="AE6" s="504" t="s">
        <v>362</v>
      </c>
      <c r="AF6" s="502" t="s">
        <v>310</v>
      </c>
      <c r="AG6" s="504" t="s">
        <v>359</v>
      </c>
      <c r="AH6" s="502" t="s">
        <v>310</v>
      </c>
      <c r="AI6" s="504" t="s">
        <v>369</v>
      </c>
      <c r="AJ6" s="507" t="s">
        <v>310</v>
      </c>
      <c r="AK6" s="1047"/>
      <c r="AL6" s="1048"/>
      <c r="AM6" s="504" t="s">
        <v>359</v>
      </c>
      <c r="AN6" s="504" t="s">
        <v>310</v>
      </c>
      <c r="AO6" s="508" t="s">
        <v>362</v>
      </c>
      <c r="AP6" s="502" t="s">
        <v>310</v>
      </c>
      <c r="AQ6" s="504" t="s">
        <v>359</v>
      </c>
      <c r="AR6" s="509" t="s">
        <v>310</v>
      </c>
      <c r="AS6" s="510" t="s">
        <v>370</v>
      </c>
      <c r="AT6" s="503" t="s">
        <v>371</v>
      </c>
      <c r="AU6" s="508" t="s">
        <v>359</v>
      </c>
      <c r="AV6" s="511" t="s">
        <v>310</v>
      </c>
      <c r="AW6" s="508" t="s">
        <v>369</v>
      </c>
      <c r="AX6" s="512" t="s">
        <v>310</v>
      </c>
      <c r="AY6" s="1025"/>
      <c r="AZ6" s="1025"/>
      <c r="BA6" s="1005"/>
      <c r="BB6" s="1007"/>
      <c r="BC6" s="1009"/>
      <c r="BD6" s="1035"/>
      <c r="BE6" s="1036"/>
      <c r="BF6" s="513" t="s">
        <v>369</v>
      </c>
      <c r="BG6" s="513" t="s">
        <v>309</v>
      </c>
      <c r="BH6" s="513" t="s">
        <v>362</v>
      </c>
      <c r="BI6" s="514" t="s">
        <v>309</v>
      </c>
    </row>
    <row r="7" spans="1:61" s="498" customFormat="1" ht="13.5" customHeight="1" thickTop="1" x14ac:dyDescent="0.15">
      <c r="A7" s="352">
        <v>1</v>
      </c>
      <c r="B7" s="515" t="s">
        <v>227</v>
      </c>
      <c r="C7" s="516">
        <v>78</v>
      </c>
      <c r="D7" s="516">
        <v>1582</v>
      </c>
      <c r="E7" s="516">
        <v>49452600</v>
      </c>
      <c r="F7" s="516">
        <v>3737</v>
      </c>
      <c r="G7" s="516">
        <v>5824</v>
      </c>
      <c r="H7" s="516">
        <v>50118312</v>
      </c>
      <c r="I7" s="516">
        <v>940</v>
      </c>
      <c r="J7" s="516">
        <v>1635</v>
      </c>
      <c r="K7" s="516">
        <v>11711780</v>
      </c>
      <c r="L7" s="358">
        <v>4755</v>
      </c>
      <c r="M7" s="358">
        <v>9041</v>
      </c>
      <c r="N7" s="358">
        <v>111282692</v>
      </c>
      <c r="O7" s="516">
        <v>2696</v>
      </c>
      <c r="P7" s="516">
        <v>3144</v>
      </c>
      <c r="Q7" s="517">
        <v>27896280</v>
      </c>
      <c r="R7" s="352">
        <v>1</v>
      </c>
      <c r="S7" s="515" t="s">
        <v>227</v>
      </c>
      <c r="T7" s="516">
        <v>74</v>
      </c>
      <c r="U7" s="516">
        <v>4491</v>
      </c>
      <c r="V7" s="516">
        <v>2906928</v>
      </c>
      <c r="W7" s="516">
        <v>15</v>
      </c>
      <c r="X7" s="516">
        <v>387</v>
      </c>
      <c r="Y7" s="516">
        <v>6095380</v>
      </c>
      <c r="Z7" s="358">
        <v>7466</v>
      </c>
      <c r="AA7" s="358">
        <v>148181280</v>
      </c>
      <c r="AB7" s="516">
        <v>0</v>
      </c>
      <c r="AC7" s="516">
        <v>1</v>
      </c>
      <c r="AD7" s="516">
        <v>16130</v>
      </c>
      <c r="AE7" s="516">
        <v>1</v>
      </c>
      <c r="AF7" s="516">
        <v>26977</v>
      </c>
      <c r="AG7" s="516">
        <v>168</v>
      </c>
      <c r="AH7" s="516">
        <v>1431606</v>
      </c>
      <c r="AI7" s="516">
        <v>4</v>
      </c>
      <c r="AJ7" s="517">
        <v>384080</v>
      </c>
      <c r="AK7" s="518">
        <v>1</v>
      </c>
      <c r="AL7" s="519" t="s">
        <v>227</v>
      </c>
      <c r="AM7" s="516">
        <v>2</v>
      </c>
      <c r="AN7" s="516">
        <v>42550</v>
      </c>
      <c r="AO7" s="516">
        <v>0</v>
      </c>
      <c r="AP7" s="516">
        <v>0</v>
      </c>
      <c r="AQ7" s="520">
        <v>176</v>
      </c>
      <c r="AR7" s="516">
        <v>1901343</v>
      </c>
      <c r="AS7" s="516">
        <v>0</v>
      </c>
      <c r="AT7" s="516">
        <v>0</v>
      </c>
      <c r="AU7" s="520">
        <v>0</v>
      </c>
      <c r="AV7" s="516">
        <v>0</v>
      </c>
      <c r="AW7" s="364">
        <v>7642</v>
      </c>
      <c r="AX7" s="366">
        <v>150082623</v>
      </c>
      <c r="AY7" s="521">
        <v>1</v>
      </c>
      <c r="AZ7" s="522" t="s">
        <v>372</v>
      </c>
      <c r="BA7" s="523">
        <v>104698195</v>
      </c>
      <c r="BB7" s="524">
        <v>40545676</v>
      </c>
      <c r="BC7" s="517">
        <v>4838752</v>
      </c>
      <c r="BD7" s="352">
        <v>1</v>
      </c>
      <c r="BE7" s="525" t="s">
        <v>227</v>
      </c>
      <c r="BF7" s="524">
        <v>231</v>
      </c>
      <c r="BG7" s="524">
        <v>19649921</v>
      </c>
      <c r="BH7" s="524">
        <v>0</v>
      </c>
      <c r="BI7" s="517">
        <v>0</v>
      </c>
    </row>
    <row r="8" spans="1:61" s="498" customFormat="1" ht="13.5" customHeight="1" x14ac:dyDescent="0.15">
      <c r="A8" s="352">
        <v>2</v>
      </c>
      <c r="B8" s="526" t="s">
        <v>225</v>
      </c>
      <c r="C8" s="516">
        <v>33</v>
      </c>
      <c r="D8" s="516">
        <v>516</v>
      </c>
      <c r="E8" s="516">
        <v>27404780</v>
      </c>
      <c r="F8" s="516">
        <v>1661</v>
      </c>
      <c r="G8" s="516">
        <v>2768</v>
      </c>
      <c r="H8" s="516">
        <v>32192320</v>
      </c>
      <c r="I8" s="516">
        <v>434</v>
      </c>
      <c r="J8" s="516">
        <v>811</v>
      </c>
      <c r="K8" s="516">
        <v>5266360</v>
      </c>
      <c r="L8" s="358">
        <v>2128</v>
      </c>
      <c r="M8" s="358">
        <v>4095</v>
      </c>
      <c r="N8" s="358">
        <v>64863460</v>
      </c>
      <c r="O8" s="516">
        <v>1241</v>
      </c>
      <c r="P8" s="516">
        <v>1540</v>
      </c>
      <c r="Q8" s="517">
        <v>12859880</v>
      </c>
      <c r="R8" s="352">
        <v>2</v>
      </c>
      <c r="S8" s="526" t="s">
        <v>225</v>
      </c>
      <c r="T8" s="516">
        <v>31</v>
      </c>
      <c r="U8" s="516">
        <v>1341</v>
      </c>
      <c r="V8" s="516">
        <v>882578</v>
      </c>
      <c r="W8" s="516">
        <v>17</v>
      </c>
      <c r="X8" s="516">
        <v>28</v>
      </c>
      <c r="Y8" s="516">
        <v>875300</v>
      </c>
      <c r="Z8" s="358">
        <v>3386</v>
      </c>
      <c r="AA8" s="358">
        <v>79481218</v>
      </c>
      <c r="AB8" s="516">
        <v>0</v>
      </c>
      <c r="AC8" s="516">
        <v>0</v>
      </c>
      <c r="AD8" s="516">
        <v>0</v>
      </c>
      <c r="AE8" s="516">
        <v>1</v>
      </c>
      <c r="AF8" s="516">
        <v>41920</v>
      </c>
      <c r="AG8" s="516">
        <v>100</v>
      </c>
      <c r="AH8" s="516">
        <v>632331</v>
      </c>
      <c r="AI8" s="516">
        <v>0</v>
      </c>
      <c r="AJ8" s="517">
        <v>0</v>
      </c>
      <c r="AK8" s="518">
        <v>2</v>
      </c>
      <c r="AL8" s="527" t="s">
        <v>225</v>
      </c>
      <c r="AM8" s="516">
        <v>1</v>
      </c>
      <c r="AN8" s="516">
        <v>4880</v>
      </c>
      <c r="AO8" s="516">
        <v>0</v>
      </c>
      <c r="AP8" s="516">
        <v>0</v>
      </c>
      <c r="AQ8" s="524">
        <v>102</v>
      </c>
      <c r="AR8" s="516">
        <v>679131</v>
      </c>
      <c r="AS8" s="516">
        <v>0</v>
      </c>
      <c r="AT8" s="516">
        <v>0</v>
      </c>
      <c r="AU8" s="524">
        <v>0</v>
      </c>
      <c r="AV8" s="516">
        <v>0</v>
      </c>
      <c r="AW8" s="364">
        <v>3488</v>
      </c>
      <c r="AX8" s="366">
        <v>80160349</v>
      </c>
      <c r="AY8" s="521">
        <v>1</v>
      </c>
      <c r="AZ8" s="522" t="s">
        <v>372</v>
      </c>
      <c r="BA8" s="528">
        <v>55908946</v>
      </c>
      <c r="BB8" s="529">
        <v>21706231</v>
      </c>
      <c r="BC8" s="530">
        <v>2545172</v>
      </c>
      <c r="BD8" s="352">
        <v>2</v>
      </c>
      <c r="BE8" s="531" t="s">
        <v>225</v>
      </c>
      <c r="BF8" s="529">
        <v>143</v>
      </c>
      <c r="BG8" s="529">
        <v>15067862</v>
      </c>
      <c r="BH8" s="529">
        <v>7</v>
      </c>
      <c r="BI8" s="530">
        <v>189794</v>
      </c>
    </row>
    <row r="9" spans="1:61" s="498" customFormat="1" ht="13.5" customHeight="1" x14ac:dyDescent="0.15">
      <c r="A9" s="352">
        <v>3</v>
      </c>
      <c r="B9" s="526" t="s">
        <v>223</v>
      </c>
      <c r="C9" s="516">
        <v>9</v>
      </c>
      <c r="D9" s="516">
        <v>90</v>
      </c>
      <c r="E9" s="516">
        <v>5476830</v>
      </c>
      <c r="F9" s="516">
        <v>559</v>
      </c>
      <c r="G9" s="516">
        <v>846</v>
      </c>
      <c r="H9" s="516">
        <v>7126990</v>
      </c>
      <c r="I9" s="516">
        <v>173</v>
      </c>
      <c r="J9" s="516">
        <v>283</v>
      </c>
      <c r="K9" s="516">
        <v>1830370</v>
      </c>
      <c r="L9" s="358">
        <v>741</v>
      </c>
      <c r="M9" s="358">
        <v>1219</v>
      </c>
      <c r="N9" s="358">
        <v>14434190</v>
      </c>
      <c r="O9" s="516">
        <v>441</v>
      </c>
      <c r="P9" s="516">
        <v>507</v>
      </c>
      <c r="Q9" s="517">
        <v>5245080</v>
      </c>
      <c r="R9" s="352">
        <v>3</v>
      </c>
      <c r="S9" s="526" t="s">
        <v>223</v>
      </c>
      <c r="T9" s="516">
        <v>9</v>
      </c>
      <c r="U9" s="516">
        <v>160</v>
      </c>
      <c r="V9" s="516">
        <v>106796</v>
      </c>
      <c r="W9" s="516">
        <v>8</v>
      </c>
      <c r="X9" s="516">
        <v>97</v>
      </c>
      <c r="Y9" s="516">
        <v>923230</v>
      </c>
      <c r="Z9" s="358">
        <v>1190</v>
      </c>
      <c r="AA9" s="358">
        <v>20709296</v>
      </c>
      <c r="AB9" s="516">
        <v>0</v>
      </c>
      <c r="AC9" s="516">
        <v>0</v>
      </c>
      <c r="AD9" s="516">
        <v>0</v>
      </c>
      <c r="AE9" s="516">
        <v>1</v>
      </c>
      <c r="AF9" s="516">
        <v>26977</v>
      </c>
      <c r="AG9" s="516">
        <v>1</v>
      </c>
      <c r="AH9" s="516">
        <v>5870</v>
      </c>
      <c r="AI9" s="516">
        <v>0</v>
      </c>
      <c r="AJ9" s="517">
        <v>0</v>
      </c>
      <c r="AK9" s="518">
        <v>3</v>
      </c>
      <c r="AL9" s="527" t="s">
        <v>223</v>
      </c>
      <c r="AM9" s="516">
        <v>0</v>
      </c>
      <c r="AN9" s="516">
        <v>0</v>
      </c>
      <c r="AO9" s="516">
        <v>0</v>
      </c>
      <c r="AP9" s="516">
        <v>0</v>
      </c>
      <c r="AQ9" s="524">
        <v>2</v>
      </c>
      <c r="AR9" s="516">
        <v>32847</v>
      </c>
      <c r="AS9" s="516">
        <v>0</v>
      </c>
      <c r="AT9" s="516">
        <v>0</v>
      </c>
      <c r="AU9" s="524">
        <v>0</v>
      </c>
      <c r="AV9" s="516">
        <v>0</v>
      </c>
      <c r="AW9" s="364">
        <v>1192</v>
      </c>
      <c r="AX9" s="366">
        <v>20742143</v>
      </c>
      <c r="AY9" s="521">
        <v>1</v>
      </c>
      <c r="AZ9" s="522" t="s">
        <v>372</v>
      </c>
      <c r="BA9" s="528">
        <v>14487188</v>
      </c>
      <c r="BB9" s="529">
        <v>5711321</v>
      </c>
      <c r="BC9" s="530">
        <v>543634</v>
      </c>
      <c r="BD9" s="352">
        <v>3</v>
      </c>
      <c r="BE9" s="531" t="s">
        <v>223</v>
      </c>
      <c r="BF9" s="529">
        <v>42</v>
      </c>
      <c r="BG9" s="529">
        <v>3060465</v>
      </c>
      <c r="BH9" s="529">
        <v>0</v>
      </c>
      <c r="BI9" s="530">
        <v>0</v>
      </c>
    </row>
    <row r="10" spans="1:61" s="498" customFormat="1" ht="13.5" customHeight="1" x14ac:dyDescent="0.15">
      <c r="A10" s="352">
        <v>4</v>
      </c>
      <c r="B10" s="526" t="s">
        <v>221</v>
      </c>
      <c r="C10" s="516">
        <v>11</v>
      </c>
      <c r="D10" s="516">
        <v>109</v>
      </c>
      <c r="E10" s="516">
        <v>5796428</v>
      </c>
      <c r="F10" s="516">
        <v>285</v>
      </c>
      <c r="G10" s="516">
        <v>459</v>
      </c>
      <c r="H10" s="516">
        <v>3475523</v>
      </c>
      <c r="I10" s="516">
        <v>80</v>
      </c>
      <c r="J10" s="516">
        <v>145</v>
      </c>
      <c r="K10" s="516">
        <v>989270</v>
      </c>
      <c r="L10" s="358">
        <v>376</v>
      </c>
      <c r="M10" s="358">
        <v>713</v>
      </c>
      <c r="N10" s="358">
        <v>10261221</v>
      </c>
      <c r="O10" s="516">
        <v>225</v>
      </c>
      <c r="P10" s="516">
        <v>266</v>
      </c>
      <c r="Q10" s="517">
        <v>2175682</v>
      </c>
      <c r="R10" s="352">
        <v>4</v>
      </c>
      <c r="S10" s="526" t="s">
        <v>221</v>
      </c>
      <c r="T10" s="516">
        <v>10</v>
      </c>
      <c r="U10" s="516">
        <v>179</v>
      </c>
      <c r="V10" s="516">
        <v>40133</v>
      </c>
      <c r="W10" s="516">
        <v>13</v>
      </c>
      <c r="X10" s="516">
        <v>49</v>
      </c>
      <c r="Y10" s="516">
        <v>559050</v>
      </c>
      <c r="Z10" s="358">
        <v>614</v>
      </c>
      <c r="AA10" s="358">
        <v>13036086</v>
      </c>
      <c r="AB10" s="516">
        <v>0</v>
      </c>
      <c r="AC10" s="516">
        <v>0</v>
      </c>
      <c r="AD10" s="516">
        <v>0</v>
      </c>
      <c r="AE10" s="516">
        <v>0</v>
      </c>
      <c r="AF10" s="516">
        <v>0</v>
      </c>
      <c r="AG10" s="516">
        <v>32</v>
      </c>
      <c r="AH10" s="516">
        <v>320583</v>
      </c>
      <c r="AI10" s="516">
        <v>4</v>
      </c>
      <c r="AJ10" s="517">
        <v>200000</v>
      </c>
      <c r="AK10" s="518">
        <v>4</v>
      </c>
      <c r="AL10" s="527" t="s">
        <v>221</v>
      </c>
      <c r="AM10" s="516">
        <v>0</v>
      </c>
      <c r="AN10" s="516">
        <v>0</v>
      </c>
      <c r="AO10" s="516">
        <v>0</v>
      </c>
      <c r="AP10" s="516">
        <v>0</v>
      </c>
      <c r="AQ10" s="524">
        <v>36</v>
      </c>
      <c r="AR10" s="516">
        <v>520583</v>
      </c>
      <c r="AS10" s="516">
        <v>0</v>
      </c>
      <c r="AT10" s="516">
        <v>0</v>
      </c>
      <c r="AU10" s="524">
        <v>0</v>
      </c>
      <c r="AV10" s="516">
        <v>0</v>
      </c>
      <c r="AW10" s="364">
        <v>650</v>
      </c>
      <c r="AX10" s="366">
        <v>13556669</v>
      </c>
      <c r="AY10" s="521">
        <v>1</v>
      </c>
      <c r="AZ10" s="522" t="s">
        <v>372</v>
      </c>
      <c r="BA10" s="528">
        <v>9445298</v>
      </c>
      <c r="BB10" s="529">
        <v>3666270</v>
      </c>
      <c r="BC10" s="530">
        <v>445101</v>
      </c>
      <c r="BD10" s="352">
        <v>4</v>
      </c>
      <c r="BE10" s="531" t="s">
        <v>221</v>
      </c>
      <c r="BF10" s="529">
        <v>5</v>
      </c>
      <c r="BG10" s="529">
        <v>1179501</v>
      </c>
      <c r="BH10" s="529">
        <v>0</v>
      </c>
      <c r="BI10" s="530">
        <v>0</v>
      </c>
    </row>
    <row r="11" spans="1:61" s="498" customFormat="1" ht="13.5" customHeight="1" x14ac:dyDescent="0.15">
      <c r="A11" s="352">
        <v>5</v>
      </c>
      <c r="B11" s="526" t="s">
        <v>219</v>
      </c>
      <c r="C11" s="516">
        <v>9</v>
      </c>
      <c r="D11" s="516">
        <v>83</v>
      </c>
      <c r="E11" s="516">
        <v>5421370</v>
      </c>
      <c r="F11" s="516">
        <v>406</v>
      </c>
      <c r="G11" s="516">
        <v>560</v>
      </c>
      <c r="H11" s="516">
        <v>3909440</v>
      </c>
      <c r="I11" s="516">
        <v>91</v>
      </c>
      <c r="J11" s="516">
        <v>151</v>
      </c>
      <c r="K11" s="516">
        <v>1235040</v>
      </c>
      <c r="L11" s="358">
        <v>506</v>
      </c>
      <c r="M11" s="358">
        <v>794</v>
      </c>
      <c r="N11" s="358">
        <v>10565850</v>
      </c>
      <c r="O11" s="516">
        <v>296</v>
      </c>
      <c r="P11" s="516">
        <v>342</v>
      </c>
      <c r="Q11" s="517">
        <v>3310560</v>
      </c>
      <c r="R11" s="352">
        <v>5</v>
      </c>
      <c r="S11" s="526" t="s">
        <v>219</v>
      </c>
      <c r="T11" s="516">
        <v>7</v>
      </c>
      <c r="U11" s="516">
        <v>102</v>
      </c>
      <c r="V11" s="516">
        <v>66364</v>
      </c>
      <c r="W11" s="516">
        <v>0</v>
      </c>
      <c r="X11" s="516">
        <v>0</v>
      </c>
      <c r="Y11" s="516">
        <v>0</v>
      </c>
      <c r="Z11" s="358">
        <v>802</v>
      </c>
      <c r="AA11" s="358">
        <v>13942774</v>
      </c>
      <c r="AB11" s="516">
        <v>0</v>
      </c>
      <c r="AC11" s="516">
        <v>0</v>
      </c>
      <c r="AD11" s="516">
        <v>0</v>
      </c>
      <c r="AE11" s="516">
        <v>2</v>
      </c>
      <c r="AF11" s="516">
        <v>34269</v>
      </c>
      <c r="AG11" s="516">
        <v>40</v>
      </c>
      <c r="AH11" s="516">
        <v>372777</v>
      </c>
      <c r="AI11" s="516">
        <v>0</v>
      </c>
      <c r="AJ11" s="517">
        <v>0</v>
      </c>
      <c r="AK11" s="518">
        <v>5</v>
      </c>
      <c r="AL11" s="527" t="s">
        <v>219</v>
      </c>
      <c r="AM11" s="516">
        <v>8</v>
      </c>
      <c r="AN11" s="516">
        <v>62790</v>
      </c>
      <c r="AO11" s="516">
        <v>0</v>
      </c>
      <c r="AP11" s="516">
        <v>0</v>
      </c>
      <c r="AQ11" s="524">
        <v>50</v>
      </c>
      <c r="AR11" s="516">
        <v>469836</v>
      </c>
      <c r="AS11" s="516">
        <v>0</v>
      </c>
      <c r="AT11" s="516">
        <v>0</v>
      </c>
      <c r="AU11" s="524">
        <v>0</v>
      </c>
      <c r="AV11" s="516">
        <v>0</v>
      </c>
      <c r="AW11" s="364">
        <v>852</v>
      </c>
      <c r="AX11" s="366">
        <v>14412610</v>
      </c>
      <c r="AY11" s="521">
        <v>1</v>
      </c>
      <c r="AZ11" s="522" t="s">
        <v>372</v>
      </c>
      <c r="BA11" s="528">
        <v>10070796</v>
      </c>
      <c r="BB11" s="529">
        <v>4062199</v>
      </c>
      <c r="BC11" s="530">
        <v>279615</v>
      </c>
      <c r="BD11" s="352">
        <v>5</v>
      </c>
      <c r="BE11" s="531" t="s">
        <v>219</v>
      </c>
      <c r="BF11" s="529">
        <v>14</v>
      </c>
      <c r="BG11" s="529">
        <v>1362379</v>
      </c>
      <c r="BH11" s="529">
        <v>0</v>
      </c>
      <c r="BI11" s="530">
        <v>0</v>
      </c>
    </row>
    <row r="12" spans="1:61" s="498" customFormat="1" ht="13.5" customHeight="1" x14ac:dyDescent="0.15">
      <c r="A12" s="352">
        <v>6</v>
      </c>
      <c r="B12" s="526" t="s">
        <v>217</v>
      </c>
      <c r="C12" s="516">
        <v>7</v>
      </c>
      <c r="D12" s="516">
        <v>180</v>
      </c>
      <c r="E12" s="516">
        <v>5544290</v>
      </c>
      <c r="F12" s="516">
        <v>578</v>
      </c>
      <c r="G12" s="516">
        <v>886</v>
      </c>
      <c r="H12" s="516">
        <v>6523160</v>
      </c>
      <c r="I12" s="516">
        <v>133</v>
      </c>
      <c r="J12" s="516">
        <v>211</v>
      </c>
      <c r="K12" s="516">
        <v>1328390</v>
      </c>
      <c r="L12" s="358">
        <v>718</v>
      </c>
      <c r="M12" s="358">
        <v>1277</v>
      </c>
      <c r="N12" s="358">
        <v>13395840</v>
      </c>
      <c r="O12" s="516">
        <v>406</v>
      </c>
      <c r="P12" s="516">
        <v>503</v>
      </c>
      <c r="Q12" s="517">
        <v>5158120</v>
      </c>
      <c r="R12" s="352">
        <v>6</v>
      </c>
      <c r="S12" s="526" t="s">
        <v>217</v>
      </c>
      <c r="T12" s="516">
        <v>7</v>
      </c>
      <c r="U12" s="516">
        <v>516</v>
      </c>
      <c r="V12" s="516">
        <v>355152</v>
      </c>
      <c r="W12" s="516">
        <v>17</v>
      </c>
      <c r="X12" s="516">
        <v>27</v>
      </c>
      <c r="Y12" s="516">
        <v>377790</v>
      </c>
      <c r="Z12" s="358">
        <v>1141</v>
      </c>
      <c r="AA12" s="358">
        <v>19286902</v>
      </c>
      <c r="AB12" s="516">
        <v>0</v>
      </c>
      <c r="AC12" s="516">
        <v>0</v>
      </c>
      <c r="AD12" s="516">
        <v>0</v>
      </c>
      <c r="AE12" s="516">
        <v>2</v>
      </c>
      <c r="AF12" s="516">
        <v>43439</v>
      </c>
      <c r="AG12" s="516">
        <v>27</v>
      </c>
      <c r="AH12" s="516">
        <v>209182</v>
      </c>
      <c r="AI12" s="516">
        <v>10</v>
      </c>
      <c r="AJ12" s="517">
        <v>90900</v>
      </c>
      <c r="AK12" s="518">
        <v>6</v>
      </c>
      <c r="AL12" s="527" t="s">
        <v>217</v>
      </c>
      <c r="AM12" s="516">
        <v>13</v>
      </c>
      <c r="AN12" s="516">
        <v>108020</v>
      </c>
      <c r="AO12" s="516">
        <v>0</v>
      </c>
      <c r="AP12" s="516">
        <v>0</v>
      </c>
      <c r="AQ12" s="524">
        <v>52</v>
      </c>
      <c r="AR12" s="516">
        <v>451541</v>
      </c>
      <c r="AS12" s="516">
        <v>0</v>
      </c>
      <c r="AT12" s="516">
        <v>0</v>
      </c>
      <c r="AU12" s="524">
        <v>0</v>
      </c>
      <c r="AV12" s="516">
        <v>0</v>
      </c>
      <c r="AW12" s="364">
        <v>1193</v>
      </c>
      <c r="AX12" s="366">
        <v>19738443</v>
      </c>
      <c r="AY12" s="521">
        <v>1</v>
      </c>
      <c r="AZ12" s="522" t="s">
        <v>372</v>
      </c>
      <c r="BA12" s="528">
        <v>13702838</v>
      </c>
      <c r="BB12" s="529">
        <v>5006196</v>
      </c>
      <c r="BC12" s="530">
        <v>1029409</v>
      </c>
      <c r="BD12" s="352">
        <v>6</v>
      </c>
      <c r="BE12" s="531" t="s">
        <v>217</v>
      </c>
      <c r="BF12" s="529">
        <v>21</v>
      </c>
      <c r="BG12" s="529">
        <v>1513451</v>
      </c>
      <c r="BH12" s="529">
        <v>0</v>
      </c>
      <c r="BI12" s="530">
        <v>0</v>
      </c>
    </row>
    <row r="13" spans="1:61" s="498" customFormat="1" ht="13.5" customHeight="1" x14ac:dyDescent="0.15">
      <c r="A13" s="352">
        <v>7</v>
      </c>
      <c r="B13" s="526" t="s">
        <v>216</v>
      </c>
      <c r="C13" s="516">
        <v>4</v>
      </c>
      <c r="D13" s="516">
        <v>16</v>
      </c>
      <c r="E13" s="516">
        <v>1291980</v>
      </c>
      <c r="F13" s="516">
        <v>530</v>
      </c>
      <c r="G13" s="516">
        <v>838</v>
      </c>
      <c r="H13" s="516">
        <v>7610700</v>
      </c>
      <c r="I13" s="516">
        <v>180</v>
      </c>
      <c r="J13" s="516">
        <v>335</v>
      </c>
      <c r="K13" s="516">
        <v>2669710</v>
      </c>
      <c r="L13" s="358">
        <v>714</v>
      </c>
      <c r="M13" s="358">
        <v>1189</v>
      </c>
      <c r="N13" s="358">
        <v>11572390</v>
      </c>
      <c r="O13" s="516">
        <v>344</v>
      </c>
      <c r="P13" s="516">
        <v>401</v>
      </c>
      <c r="Q13" s="517">
        <v>3493300</v>
      </c>
      <c r="R13" s="352">
        <v>7</v>
      </c>
      <c r="S13" s="526" t="s">
        <v>216</v>
      </c>
      <c r="T13" s="516">
        <v>4</v>
      </c>
      <c r="U13" s="516">
        <v>26</v>
      </c>
      <c r="V13" s="516">
        <v>17090</v>
      </c>
      <c r="W13" s="516">
        <v>0</v>
      </c>
      <c r="X13" s="516">
        <v>0</v>
      </c>
      <c r="Y13" s="516">
        <v>0</v>
      </c>
      <c r="Z13" s="358">
        <v>1058</v>
      </c>
      <c r="AA13" s="358">
        <v>15082780</v>
      </c>
      <c r="AB13" s="516">
        <v>0</v>
      </c>
      <c r="AC13" s="516">
        <v>4</v>
      </c>
      <c r="AD13" s="516">
        <v>16490</v>
      </c>
      <c r="AE13" s="516">
        <v>2</v>
      </c>
      <c r="AF13" s="516">
        <v>61045</v>
      </c>
      <c r="AG13" s="516">
        <v>26</v>
      </c>
      <c r="AH13" s="516">
        <v>138902</v>
      </c>
      <c r="AI13" s="516">
        <v>0</v>
      </c>
      <c r="AJ13" s="517">
        <v>0</v>
      </c>
      <c r="AK13" s="518">
        <v>7</v>
      </c>
      <c r="AL13" s="527" t="s">
        <v>216</v>
      </c>
      <c r="AM13" s="516">
        <v>4</v>
      </c>
      <c r="AN13" s="516">
        <v>36640</v>
      </c>
      <c r="AO13" s="516">
        <v>0</v>
      </c>
      <c r="AP13" s="516">
        <v>0</v>
      </c>
      <c r="AQ13" s="524">
        <v>36</v>
      </c>
      <c r="AR13" s="516">
        <v>253077</v>
      </c>
      <c r="AS13" s="516">
        <v>0</v>
      </c>
      <c r="AT13" s="516">
        <v>0</v>
      </c>
      <c r="AU13" s="524">
        <v>0</v>
      </c>
      <c r="AV13" s="516">
        <v>0</v>
      </c>
      <c r="AW13" s="364">
        <v>1094</v>
      </c>
      <c r="AX13" s="366">
        <v>15335857</v>
      </c>
      <c r="AY13" s="521">
        <v>1</v>
      </c>
      <c r="AZ13" s="522" t="s">
        <v>372</v>
      </c>
      <c r="BA13" s="528">
        <v>10728260</v>
      </c>
      <c r="BB13" s="529">
        <v>4049203</v>
      </c>
      <c r="BC13" s="530">
        <v>558394</v>
      </c>
      <c r="BD13" s="352">
        <v>7</v>
      </c>
      <c r="BE13" s="531" t="s">
        <v>216</v>
      </c>
      <c r="BF13" s="529">
        <v>24</v>
      </c>
      <c r="BG13" s="529">
        <v>1217820</v>
      </c>
      <c r="BH13" s="529">
        <v>1</v>
      </c>
      <c r="BI13" s="530">
        <v>4111</v>
      </c>
    </row>
    <row r="14" spans="1:61" s="498" customFormat="1" ht="13.5" customHeight="1" x14ac:dyDescent="0.15">
      <c r="A14" s="352">
        <v>8</v>
      </c>
      <c r="B14" s="526" t="s">
        <v>214</v>
      </c>
      <c r="C14" s="516">
        <v>6</v>
      </c>
      <c r="D14" s="516">
        <v>50</v>
      </c>
      <c r="E14" s="516">
        <v>3539080</v>
      </c>
      <c r="F14" s="516">
        <v>293</v>
      </c>
      <c r="G14" s="516">
        <v>390</v>
      </c>
      <c r="H14" s="516">
        <v>6421540</v>
      </c>
      <c r="I14" s="516">
        <v>65</v>
      </c>
      <c r="J14" s="516">
        <v>116</v>
      </c>
      <c r="K14" s="516">
        <v>825810</v>
      </c>
      <c r="L14" s="358">
        <v>364</v>
      </c>
      <c r="M14" s="358">
        <v>556</v>
      </c>
      <c r="N14" s="358">
        <v>10786430</v>
      </c>
      <c r="O14" s="516">
        <v>226</v>
      </c>
      <c r="P14" s="516">
        <v>254</v>
      </c>
      <c r="Q14" s="517">
        <v>2396650</v>
      </c>
      <c r="R14" s="352">
        <v>8</v>
      </c>
      <c r="S14" s="526" t="s">
        <v>214</v>
      </c>
      <c r="T14" s="516">
        <v>6</v>
      </c>
      <c r="U14" s="516">
        <v>106</v>
      </c>
      <c r="V14" s="516">
        <v>69518</v>
      </c>
      <c r="W14" s="516">
        <v>0</v>
      </c>
      <c r="X14" s="516">
        <v>0</v>
      </c>
      <c r="Y14" s="516">
        <v>0</v>
      </c>
      <c r="Z14" s="358">
        <v>590</v>
      </c>
      <c r="AA14" s="358">
        <v>13252598</v>
      </c>
      <c r="AB14" s="516">
        <v>0</v>
      </c>
      <c r="AC14" s="516">
        <v>0</v>
      </c>
      <c r="AD14" s="516">
        <v>0</v>
      </c>
      <c r="AE14" s="516">
        <v>0</v>
      </c>
      <c r="AF14" s="516">
        <v>0</v>
      </c>
      <c r="AG14" s="516">
        <v>22</v>
      </c>
      <c r="AH14" s="516">
        <v>144851</v>
      </c>
      <c r="AI14" s="516">
        <v>15</v>
      </c>
      <c r="AJ14" s="517">
        <v>577830</v>
      </c>
      <c r="AK14" s="518">
        <v>8</v>
      </c>
      <c r="AL14" s="527" t="s">
        <v>214</v>
      </c>
      <c r="AM14" s="516">
        <v>0</v>
      </c>
      <c r="AN14" s="516">
        <v>0</v>
      </c>
      <c r="AO14" s="516">
        <v>0</v>
      </c>
      <c r="AP14" s="516">
        <v>0</v>
      </c>
      <c r="AQ14" s="524">
        <v>37</v>
      </c>
      <c r="AR14" s="516">
        <v>722681</v>
      </c>
      <c r="AS14" s="516">
        <v>0</v>
      </c>
      <c r="AT14" s="516">
        <v>0</v>
      </c>
      <c r="AU14" s="524">
        <v>0</v>
      </c>
      <c r="AV14" s="516">
        <v>0</v>
      </c>
      <c r="AW14" s="364">
        <v>627</v>
      </c>
      <c r="AX14" s="366">
        <v>13975279</v>
      </c>
      <c r="AY14" s="521">
        <v>1</v>
      </c>
      <c r="AZ14" s="522" t="s">
        <v>372</v>
      </c>
      <c r="BA14" s="528">
        <v>9754788</v>
      </c>
      <c r="BB14" s="529">
        <v>3771088</v>
      </c>
      <c r="BC14" s="530">
        <v>449403</v>
      </c>
      <c r="BD14" s="352">
        <v>8</v>
      </c>
      <c r="BE14" s="531" t="s">
        <v>214</v>
      </c>
      <c r="BF14" s="529">
        <v>13</v>
      </c>
      <c r="BG14" s="529">
        <v>1272711</v>
      </c>
      <c r="BH14" s="529">
        <v>0</v>
      </c>
      <c r="BI14" s="530">
        <v>79490</v>
      </c>
    </row>
    <row r="15" spans="1:61" s="498" customFormat="1" ht="13.5" customHeight="1" x14ac:dyDescent="0.15">
      <c r="A15" s="352">
        <v>9</v>
      </c>
      <c r="B15" s="526" t="s">
        <v>212</v>
      </c>
      <c r="C15" s="516">
        <v>0</v>
      </c>
      <c r="D15" s="516">
        <v>0</v>
      </c>
      <c r="E15" s="516">
        <v>-2800</v>
      </c>
      <c r="F15" s="516">
        <v>76</v>
      </c>
      <c r="G15" s="516">
        <v>122</v>
      </c>
      <c r="H15" s="516">
        <v>2877660</v>
      </c>
      <c r="I15" s="516">
        <v>39</v>
      </c>
      <c r="J15" s="516">
        <v>68</v>
      </c>
      <c r="K15" s="516">
        <v>433080</v>
      </c>
      <c r="L15" s="358">
        <v>115</v>
      </c>
      <c r="M15" s="358">
        <v>190</v>
      </c>
      <c r="N15" s="358">
        <v>3307940</v>
      </c>
      <c r="O15" s="516">
        <v>55</v>
      </c>
      <c r="P15" s="516">
        <v>67</v>
      </c>
      <c r="Q15" s="517">
        <v>462600</v>
      </c>
      <c r="R15" s="352">
        <v>9</v>
      </c>
      <c r="S15" s="526" t="s">
        <v>212</v>
      </c>
      <c r="T15" s="516">
        <v>0</v>
      </c>
      <c r="U15" s="516">
        <v>0</v>
      </c>
      <c r="V15" s="516">
        <v>0</v>
      </c>
      <c r="W15" s="516">
        <v>0</v>
      </c>
      <c r="X15" s="516">
        <v>0</v>
      </c>
      <c r="Y15" s="516">
        <v>0</v>
      </c>
      <c r="Z15" s="358">
        <v>170</v>
      </c>
      <c r="AA15" s="358">
        <v>3770540</v>
      </c>
      <c r="AB15" s="516">
        <v>0</v>
      </c>
      <c r="AC15" s="516">
        <v>0</v>
      </c>
      <c r="AD15" s="516">
        <v>0</v>
      </c>
      <c r="AE15" s="516">
        <v>0</v>
      </c>
      <c r="AF15" s="516">
        <v>0</v>
      </c>
      <c r="AG15" s="516">
        <v>18</v>
      </c>
      <c r="AH15" s="516">
        <v>265480</v>
      </c>
      <c r="AI15" s="516">
        <v>0</v>
      </c>
      <c r="AJ15" s="517">
        <v>0</v>
      </c>
      <c r="AK15" s="518">
        <v>9</v>
      </c>
      <c r="AL15" s="527" t="s">
        <v>212</v>
      </c>
      <c r="AM15" s="516">
        <v>0</v>
      </c>
      <c r="AN15" s="516">
        <v>0</v>
      </c>
      <c r="AO15" s="516">
        <v>0</v>
      </c>
      <c r="AP15" s="516">
        <v>0</v>
      </c>
      <c r="AQ15" s="524">
        <v>18</v>
      </c>
      <c r="AR15" s="516">
        <v>265480</v>
      </c>
      <c r="AS15" s="516">
        <v>0</v>
      </c>
      <c r="AT15" s="516">
        <v>0</v>
      </c>
      <c r="AU15" s="524">
        <v>0</v>
      </c>
      <c r="AV15" s="516">
        <v>0</v>
      </c>
      <c r="AW15" s="364">
        <v>188</v>
      </c>
      <c r="AX15" s="366">
        <v>4036020</v>
      </c>
      <c r="AY15" s="521">
        <v>1</v>
      </c>
      <c r="AZ15" s="522" t="s">
        <v>372</v>
      </c>
      <c r="BA15" s="528">
        <v>2825207</v>
      </c>
      <c r="BB15" s="529">
        <v>1191170</v>
      </c>
      <c r="BC15" s="530">
        <v>19643</v>
      </c>
      <c r="BD15" s="352">
        <v>9</v>
      </c>
      <c r="BE15" s="531" t="s">
        <v>212</v>
      </c>
      <c r="BF15" s="529">
        <v>55</v>
      </c>
      <c r="BG15" s="529">
        <v>1057185</v>
      </c>
      <c r="BH15" s="529">
        <v>0</v>
      </c>
      <c r="BI15" s="530">
        <v>0</v>
      </c>
    </row>
    <row r="16" spans="1:61" s="498" customFormat="1" ht="13.5" customHeight="1" x14ac:dyDescent="0.15">
      <c r="A16" s="352">
        <v>10</v>
      </c>
      <c r="B16" s="526" t="s">
        <v>210</v>
      </c>
      <c r="C16" s="516">
        <v>41</v>
      </c>
      <c r="D16" s="516">
        <v>775</v>
      </c>
      <c r="E16" s="516">
        <v>33161270</v>
      </c>
      <c r="F16" s="516">
        <v>930</v>
      </c>
      <c r="G16" s="516">
        <v>1611</v>
      </c>
      <c r="H16" s="516">
        <v>20229940</v>
      </c>
      <c r="I16" s="516">
        <v>256</v>
      </c>
      <c r="J16" s="516">
        <v>467</v>
      </c>
      <c r="K16" s="516">
        <v>3023400</v>
      </c>
      <c r="L16" s="358">
        <v>1227</v>
      </c>
      <c r="M16" s="358">
        <v>2853</v>
      </c>
      <c r="N16" s="358">
        <v>56414610</v>
      </c>
      <c r="O16" s="516">
        <v>632</v>
      </c>
      <c r="P16" s="516">
        <v>769</v>
      </c>
      <c r="Q16" s="517">
        <v>8265050</v>
      </c>
      <c r="R16" s="352">
        <v>10</v>
      </c>
      <c r="S16" s="526" t="s">
        <v>210</v>
      </c>
      <c r="T16" s="516">
        <v>38</v>
      </c>
      <c r="U16" s="516">
        <v>1990</v>
      </c>
      <c r="V16" s="516">
        <v>1303631</v>
      </c>
      <c r="W16" s="516">
        <v>28</v>
      </c>
      <c r="X16" s="516">
        <v>81</v>
      </c>
      <c r="Y16" s="516">
        <v>874710</v>
      </c>
      <c r="Z16" s="358">
        <v>1887</v>
      </c>
      <c r="AA16" s="358">
        <v>66858001</v>
      </c>
      <c r="AB16" s="516">
        <v>0</v>
      </c>
      <c r="AC16" s="516">
        <v>0</v>
      </c>
      <c r="AD16" s="516">
        <v>0</v>
      </c>
      <c r="AE16" s="516">
        <v>0</v>
      </c>
      <c r="AF16" s="516">
        <v>0</v>
      </c>
      <c r="AG16" s="516">
        <v>66</v>
      </c>
      <c r="AH16" s="516">
        <v>470172</v>
      </c>
      <c r="AI16" s="516">
        <v>0</v>
      </c>
      <c r="AJ16" s="517">
        <v>0</v>
      </c>
      <c r="AK16" s="518">
        <v>10</v>
      </c>
      <c r="AL16" s="527" t="s">
        <v>210</v>
      </c>
      <c r="AM16" s="516">
        <v>2</v>
      </c>
      <c r="AN16" s="516">
        <v>62560</v>
      </c>
      <c r="AO16" s="516">
        <v>0</v>
      </c>
      <c r="AP16" s="516">
        <v>0</v>
      </c>
      <c r="AQ16" s="524">
        <v>68</v>
      </c>
      <c r="AR16" s="516">
        <v>532732</v>
      </c>
      <c r="AS16" s="516">
        <v>0</v>
      </c>
      <c r="AT16" s="516">
        <v>0</v>
      </c>
      <c r="AU16" s="524">
        <v>0</v>
      </c>
      <c r="AV16" s="516">
        <v>0</v>
      </c>
      <c r="AW16" s="364">
        <v>1955</v>
      </c>
      <c r="AX16" s="366">
        <v>67390733</v>
      </c>
      <c r="AY16" s="521">
        <v>1</v>
      </c>
      <c r="AZ16" s="522" t="s">
        <v>372</v>
      </c>
      <c r="BA16" s="528">
        <v>47153047</v>
      </c>
      <c r="BB16" s="529">
        <v>18818370</v>
      </c>
      <c r="BC16" s="530">
        <v>1419316</v>
      </c>
      <c r="BD16" s="352">
        <v>10</v>
      </c>
      <c r="BE16" s="531" t="s">
        <v>210</v>
      </c>
      <c r="BF16" s="529">
        <v>122</v>
      </c>
      <c r="BG16" s="529">
        <v>15921300</v>
      </c>
      <c r="BH16" s="529">
        <v>0</v>
      </c>
      <c r="BI16" s="530">
        <v>0</v>
      </c>
    </row>
    <row r="17" spans="1:61" s="498" customFormat="1" ht="13.5" customHeight="1" x14ac:dyDescent="0.15">
      <c r="A17" s="352">
        <v>11</v>
      </c>
      <c r="B17" s="526" t="s">
        <v>208</v>
      </c>
      <c r="C17" s="516">
        <v>1</v>
      </c>
      <c r="D17" s="516">
        <v>2</v>
      </c>
      <c r="E17" s="516">
        <v>70400</v>
      </c>
      <c r="F17" s="516">
        <v>144</v>
      </c>
      <c r="G17" s="516">
        <v>200</v>
      </c>
      <c r="H17" s="516">
        <v>4071720</v>
      </c>
      <c r="I17" s="516">
        <v>63</v>
      </c>
      <c r="J17" s="516">
        <v>106</v>
      </c>
      <c r="K17" s="516">
        <v>674060</v>
      </c>
      <c r="L17" s="358">
        <v>208</v>
      </c>
      <c r="M17" s="358">
        <v>308</v>
      </c>
      <c r="N17" s="358">
        <v>4816180</v>
      </c>
      <c r="O17" s="516">
        <v>107</v>
      </c>
      <c r="P17" s="516">
        <v>117</v>
      </c>
      <c r="Q17" s="517">
        <v>1009320</v>
      </c>
      <c r="R17" s="352">
        <v>11</v>
      </c>
      <c r="S17" s="526" t="s">
        <v>208</v>
      </c>
      <c r="T17" s="516">
        <v>1</v>
      </c>
      <c r="U17" s="516">
        <v>2</v>
      </c>
      <c r="V17" s="516">
        <v>1380</v>
      </c>
      <c r="W17" s="516">
        <v>0</v>
      </c>
      <c r="X17" s="516">
        <v>0</v>
      </c>
      <c r="Y17" s="516">
        <v>0</v>
      </c>
      <c r="Z17" s="358">
        <v>315</v>
      </c>
      <c r="AA17" s="358">
        <v>5826880</v>
      </c>
      <c r="AB17" s="516">
        <v>0</v>
      </c>
      <c r="AC17" s="516">
        <v>2</v>
      </c>
      <c r="AD17" s="516">
        <v>6050</v>
      </c>
      <c r="AE17" s="516">
        <v>0</v>
      </c>
      <c r="AF17" s="516">
        <v>0</v>
      </c>
      <c r="AG17" s="516">
        <v>10</v>
      </c>
      <c r="AH17" s="516">
        <v>41355</v>
      </c>
      <c r="AI17" s="516">
        <v>0</v>
      </c>
      <c r="AJ17" s="517">
        <v>0</v>
      </c>
      <c r="AK17" s="518">
        <v>11</v>
      </c>
      <c r="AL17" s="527" t="s">
        <v>208</v>
      </c>
      <c r="AM17" s="516">
        <v>0</v>
      </c>
      <c r="AN17" s="516">
        <v>0</v>
      </c>
      <c r="AO17" s="516">
        <v>0</v>
      </c>
      <c r="AP17" s="516">
        <v>0</v>
      </c>
      <c r="AQ17" s="524">
        <v>12</v>
      </c>
      <c r="AR17" s="516">
        <v>47405</v>
      </c>
      <c r="AS17" s="516">
        <v>0</v>
      </c>
      <c r="AT17" s="516">
        <v>0</v>
      </c>
      <c r="AU17" s="524">
        <v>0</v>
      </c>
      <c r="AV17" s="516">
        <v>0</v>
      </c>
      <c r="AW17" s="364">
        <v>327</v>
      </c>
      <c r="AX17" s="366">
        <v>5874285</v>
      </c>
      <c r="AY17" s="521">
        <v>1</v>
      </c>
      <c r="AZ17" s="522" t="s">
        <v>372</v>
      </c>
      <c r="BA17" s="528">
        <v>4111492</v>
      </c>
      <c r="BB17" s="529">
        <v>1768064</v>
      </c>
      <c r="BC17" s="530">
        <v>-5271</v>
      </c>
      <c r="BD17" s="352">
        <v>11</v>
      </c>
      <c r="BE17" s="531" t="s">
        <v>208</v>
      </c>
      <c r="BF17" s="529">
        <v>12</v>
      </c>
      <c r="BG17" s="529">
        <v>468147</v>
      </c>
      <c r="BH17" s="529">
        <v>0</v>
      </c>
      <c r="BI17" s="530">
        <v>0</v>
      </c>
    </row>
    <row r="18" spans="1:61" s="498" customFormat="1" ht="13.5" customHeight="1" x14ac:dyDescent="0.15">
      <c r="A18" s="352">
        <v>12</v>
      </c>
      <c r="B18" s="526" t="s">
        <v>206</v>
      </c>
      <c r="C18" s="516">
        <v>1</v>
      </c>
      <c r="D18" s="516">
        <v>2</v>
      </c>
      <c r="E18" s="516">
        <v>125130</v>
      </c>
      <c r="F18" s="516">
        <v>175</v>
      </c>
      <c r="G18" s="516">
        <v>241</v>
      </c>
      <c r="H18" s="516">
        <v>2465000</v>
      </c>
      <c r="I18" s="516">
        <v>65</v>
      </c>
      <c r="J18" s="516">
        <v>120</v>
      </c>
      <c r="K18" s="516">
        <v>749060</v>
      </c>
      <c r="L18" s="358">
        <v>241</v>
      </c>
      <c r="M18" s="358">
        <v>363</v>
      </c>
      <c r="N18" s="358">
        <v>3339190</v>
      </c>
      <c r="O18" s="516">
        <v>111</v>
      </c>
      <c r="P18" s="516">
        <v>123</v>
      </c>
      <c r="Q18" s="517">
        <v>1454700</v>
      </c>
      <c r="R18" s="352">
        <v>12</v>
      </c>
      <c r="S18" s="526" t="s">
        <v>206</v>
      </c>
      <c r="T18" s="516">
        <v>1</v>
      </c>
      <c r="U18" s="516">
        <v>2</v>
      </c>
      <c r="V18" s="516">
        <v>1330</v>
      </c>
      <c r="W18" s="516">
        <v>1</v>
      </c>
      <c r="X18" s="516">
        <v>7</v>
      </c>
      <c r="Y18" s="516">
        <v>64130</v>
      </c>
      <c r="Z18" s="358">
        <v>353</v>
      </c>
      <c r="AA18" s="358">
        <v>4859350</v>
      </c>
      <c r="AB18" s="516">
        <v>0</v>
      </c>
      <c r="AC18" s="516">
        <v>0</v>
      </c>
      <c r="AD18" s="516">
        <v>0</v>
      </c>
      <c r="AE18" s="516">
        <v>2</v>
      </c>
      <c r="AF18" s="516">
        <v>110563</v>
      </c>
      <c r="AG18" s="516">
        <v>5</v>
      </c>
      <c r="AH18" s="516">
        <v>26560</v>
      </c>
      <c r="AI18" s="516">
        <v>0</v>
      </c>
      <c r="AJ18" s="517">
        <v>0</v>
      </c>
      <c r="AK18" s="518">
        <v>12</v>
      </c>
      <c r="AL18" s="527" t="s">
        <v>206</v>
      </c>
      <c r="AM18" s="516">
        <v>0</v>
      </c>
      <c r="AN18" s="516">
        <v>0</v>
      </c>
      <c r="AO18" s="516">
        <v>0</v>
      </c>
      <c r="AP18" s="516">
        <v>0</v>
      </c>
      <c r="AQ18" s="524">
        <v>7</v>
      </c>
      <c r="AR18" s="516">
        <v>137123</v>
      </c>
      <c r="AS18" s="516">
        <v>0</v>
      </c>
      <c r="AT18" s="516">
        <v>0</v>
      </c>
      <c r="AU18" s="524">
        <v>0</v>
      </c>
      <c r="AV18" s="516">
        <v>0</v>
      </c>
      <c r="AW18" s="364">
        <v>360</v>
      </c>
      <c r="AX18" s="366">
        <v>4996473</v>
      </c>
      <c r="AY18" s="521">
        <v>1</v>
      </c>
      <c r="AZ18" s="522" t="s">
        <v>372</v>
      </c>
      <c r="BA18" s="528">
        <v>3497010</v>
      </c>
      <c r="BB18" s="529">
        <v>1377364</v>
      </c>
      <c r="BC18" s="530">
        <v>122099</v>
      </c>
      <c r="BD18" s="352">
        <v>12</v>
      </c>
      <c r="BE18" s="531" t="s">
        <v>206</v>
      </c>
      <c r="BF18" s="529">
        <v>14</v>
      </c>
      <c r="BG18" s="529">
        <v>842954</v>
      </c>
      <c r="BH18" s="529">
        <v>0</v>
      </c>
      <c r="BI18" s="530">
        <v>0</v>
      </c>
    </row>
    <row r="19" spans="1:61" s="498" customFormat="1" ht="13.5" customHeight="1" x14ac:dyDescent="0.15">
      <c r="A19" s="352">
        <v>13</v>
      </c>
      <c r="B19" s="526" t="s">
        <v>204</v>
      </c>
      <c r="C19" s="516">
        <v>8</v>
      </c>
      <c r="D19" s="516">
        <v>110</v>
      </c>
      <c r="E19" s="516">
        <v>4921090</v>
      </c>
      <c r="F19" s="516">
        <v>399</v>
      </c>
      <c r="G19" s="516">
        <v>606</v>
      </c>
      <c r="H19" s="516">
        <v>8610010</v>
      </c>
      <c r="I19" s="516">
        <v>95</v>
      </c>
      <c r="J19" s="516">
        <v>165</v>
      </c>
      <c r="K19" s="516">
        <v>1277640</v>
      </c>
      <c r="L19" s="358">
        <v>502</v>
      </c>
      <c r="M19" s="358">
        <v>881</v>
      </c>
      <c r="N19" s="358">
        <v>14808740</v>
      </c>
      <c r="O19" s="516">
        <v>333</v>
      </c>
      <c r="P19" s="516">
        <v>394</v>
      </c>
      <c r="Q19" s="517">
        <v>3740230</v>
      </c>
      <c r="R19" s="352">
        <v>13</v>
      </c>
      <c r="S19" s="526" t="s">
        <v>204</v>
      </c>
      <c r="T19" s="516">
        <v>8</v>
      </c>
      <c r="U19" s="516">
        <v>275</v>
      </c>
      <c r="V19" s="516">
        <v>188194</v>
      </c>
      <c r="W19" s="516">
        <v>1</v>
      </c>
      <c r="X19" s="516">
        <v>16</v>
      </c>
      <c r="Y19" s="516">
        <v>356780</v>
      </c>
      <c r="Z19" s="358">
        <v>836</v>
      </c>
      <c r="AA19" s="358">
        <v>19093944</v>
      </c>
      <c r="AB19" s="516">
        <v>1</v>
      </c>
      <c r="AC19" s="516">
        <v>0</v>
      </c>
      <c r="AD19" s="516">
        <v>0</v>
      </c>
      <c r="AE19" s="516">
        <v>0</v>
      </c>
      <c r="AF19" s="516">
        <v>0</v>
      </c>
      <c r="AG19" s="516">
        <v>33</v>
      </c>
      <c r="AH19" s="516">
        <v>141779</v>
      </c>
      <c r="AI19" s="516">
        <v>0</v>
      </c>
      <c r="AJ19" s="517">
        <v>0</v>
      </c>
      <c r="AK19" s="518">
        <v>13</v>
      </c>
      <c r="AL19" s="527" t="s">
        <v>204</v>
      </c>
      <c r="AM19" s="516">
        <v>3</v>
      </c>
      <c r="AN19" s="516">
        <v>20270</v>
      </c>
      <c r="AO19" s="516">
        <v>0</v>
      </c>
      <c r="AP19" s="516">
        <v>0</v>
      </c>
      <c r="AQ19" s="524">
        <v>36</v>
      </c>
      <c r="AR19" s="516">
        <v>162049</v>
      </c>
      <c r="AS19" s="516">
        <v>0</v>
      </c>
      <c r="AT19" s="516">
        <v>0</v>
      </c>
      <c r="AU19" s="524">
        <v>0</v>
      </c>
      <c r="AV19" s="516">
        <v>0</v>
      </c>
      <c r="AW19" s="364">
        <v>873</v>
      </c>
      <c r="AX19" s="366">
        <v>19255993</v>
      </c>
      <c r="AY19" s="521">
        <v>1</v>
      </c>
      <c r="AZ19" s="522" t="s">
        <v>372</v>
      </c>
      <c r="BA19" s="528">
        <v>13433096</v>
      </c>
      <c r="BB19" s="529">
        <v>5753433</v>
      </c>
      <c r="BC19" s="530">
        <v>69464</v>
      </c>
      <c r="BD19" s="352">
        <v>13</v>
      </c>
      <c r="BE19" s="531" t="s">
        <v>204</v>
      </c>
      <c r="BF19" s="529">
        <v>30</v>
      </c>
      <c r="BG19" s="529">
        <v>2941062</v>
      </c>
      <c r="BH19" s="529">
        <v>0</v>
      </c>
      <c r="BI19" s="530">
        <v>0</v>
      </c>
    </row>
    <row r="20" spans="1:61" s="498" customFormat="1" ht="13.5" customHeight="1" x14ac:dyDescent="0.15">
      <c r="A20" s="352">
        <v>14</v>
      </c>
      <c r="B20" s="526" t="s">
        <v>202</v>
      </c>
      <c r="C20" s="516">
        <v>1</v>
      </c>
      <c r="D20" s="516">
        <v>10</v>
      </c>
      <c r="E20" s="516">
        <v>337150</v>
      </c>
      <c r="F20" s="516">
        <v>194</v>
      </c>
      <c r="G20" s="516">
        <v>247</v>
      </c>
      <c r="H20" s="516">
        <v>1925040</v>
      </c>
      <c r="I20" s="516">
        <v>50</v>
      </c>
      <c r="J20" s="516">
        <v>81</v>
      </c>
      <c r="K20" s="516">
        <v>627280</v>
      </c>
      <c r="L20" s="358">
        <v>245</v>
      </c>
      <c r="M20" s="358">
        <v>338</v>
      </c>
      <c r="N20" s="358">
        <v>2889470</v>
      </c>
      <c r="O20" s="516">
        <v>147</v>
      </c>
      <c r="P20" s="516">
        <v>166</v>
      </c>
      <c r="Q20" s="517">
        <v>1382840</v>
      </c>
      <c r="R20" s="352">
        <v>14</v>
      </c>
      <c r="S20" s="526" t="s">
        <v>202</v>
      </c>
      <c r="T20" s="516">
        <v>1</v>
      </c>
      <c r="U20" s="516">
        <v>27</v>
      </c>
      <c r="V20" s="516">
        <v>17780</v>
      </c>
      <c r="W20" s="516">
        <v>0</v>
      </c>
      <c r="X20" s="516">
        <v>0</v>
      </c>
      <c r="Y20" s="516">
        <v>0</v>
      </c>
      <c r="Z20" s="358">
        <v>392</v>
      </c>
      <c r="AA20" s="358">
        <v>4290090</v>
      </c>
      <c r="AB20" s="516">
        <v>0</v>
      </c>
      <c r="AC20" s="516">
        <v>0</v>
      </c>
      <c r="AD20" s="516">
        <v>0</v>
      </c>
      <c r="AE20" s="516">
        <v>0</v>
      </c>
      <c r="AF20" s="516">
        <v>0</v>
      </c>
      <c r="AG20" s="516">
        <v>14</v>
      </c>
      <c r="AH20" s="516">
        <v>87490</v>
      </c>
      <c r="AI20" s="516">
        <v>5</v>
      </c>
      <c r="AJ20" s="517">
        <v>22851</v>
      </c>
      <c r="AK20" s="518">
        <v>14</v>
      </c>
      <c r="AL20" s="527" t="s">
        <v>202</v>
      </c>
      <c r="AM20" s="516">
        <v>0</v>
      </c>
      <c r="AN20" s="516">
        <v>0</v>
      </c>
      <c r="AO20" s="516">
        <v>0</v>
      </c>
      <c r="AP20" s="516">
        <v>0</v>
      </c>
      <c r="AQ20" s="524">
        <v>19</v>
      </c>
      <c r="AR20" s="516">
        <v>110341</v>
      </c>
      <c r="AS20" s="516">
        <v>0</v>
      </c>
      <c r="AT20" s="516">
        <v>0</v>
      </c>
      <c r="AU20" s="524">
        <v>0</v>
      </c>
      <c r="AV20" s="516">
        <v>0</v>
      </c>
      <c r="AW20" s="364">
        <v>411</v>
      </c>
      <c r="AX20" s="366">
        <v>4400431</v>
      </c>
      <c r="AY20" s="521">
        <v>1</v>
      </c>
      <c r="AZ20" s="522" t="s">
        <v>372</v>
      </c>
      <c r="BA20" s="528">
        <v>3073215</v>
      </c>
      <c r="BB20" s="529">
        <v>1225930</v>
      </c>
      <c r="BC20" s="530">
        <v>101286</v>
      </c>
      <c r="BD20" s="352">
        <v>14</v>
      </c>
      <c r="BE20" s="531" t="s">
        <v>202</v>
      </c>
      <c r="BF20" s="529">
        <v>2</v>
      </c>
      <c r="BG20" s="529">
        <v>72086</v>
      </c>
      <c r="BH20" s="529">
        <v>0</v>
      </c>
      <c r="BI20" s="530">
        <v>0</v>
      </c>
    </row>
    <row r="21" spans="1:61" s="498" customFormat="1" ht="13.5" customHeight="1" x14ac:dyDescent="0.15">
      <c r="A21" s="352">
        <v>15</v>
      </c>
      <c r="B21" s="526" t="s">
        <v>200</v>
      </c>
      <c r="C21" s="516">
        <v>5</v>
      </c>
      <c r="D21" s="516">
        <v>86</v>
      </c>
      <c r="E21" s="516">
        <v>3296713</v>
      </c>
      <c r="F21" s="516">
        <v>232</v>
      </c>
      <c r="G21" s="516">
        <v>289</v>
      </c>
      <c r="H21" s="516">
        <v>11060943</v>
      </c>
      <c r="I21" s="516">
        <v>73</v>
      </c>
      <c r="J21" s="516">
        <v>150</v>
      </c>
      <c r="K21" s="516">
        <v>1067560</v>
      </c>
      <c r="L21" s="358">
        <v>310</v>
      </c>
      <c r="M21" s="358">
        <v>525</v>
      </c>
      <c r="N21" s="358">
        <v>15425216</v>
      </c>
      <c r="O21" s="516">
        <v>167</v>
      </c>
      <c r="P21" s="516">
        <v>191</v>
      </c>
      <c r="Q21" s="517">
        <v>1550521</v>
      </c>
      <c r="R21" s="352">
        <v>15</v>
      </c>
      <c r="S21" s="526" t="s">
        <v>200</v>
      </c>
      <c r="T21" s="516">
        <v>4</v>
      </c>
      <c r="U21" s="516">
        <v>183</v>
      </c>
      <c r="V21" s="516">
        <v>125018</v>
      </c>
      <c r="W21" s="516">
        <v>0</v>
      </c>
      <c r="X21" s="516">
        <v>0</v>
      </c>
      <c r="Y21" s="516">
        <v>0</v>
      </c>
      <c r="Z21" s="358">
        <v>477</v>
      </c>
      <c r="AA21" s="358">
        <v>17100755</v>
      </c>
      <c r="AB21" s="516">
        <v>0</v>
      </c>
      <c r="AC21" s="516">
        <v>0</v>
      </c>
      <c r="AD21" s="516">
        <v>0</v>
      </c>
      <c r="AE21" s="516">
        <v>0</v>
      </c>
      <c r="AF21" s="516">
        <v>0</v>
      </c>
      <c r="AG21" s="516">
        <v>4</v>
      </c>
      <c r="AH21" s="516">
        <v>21086</v>
      </c>
      <c r="AI21" s="516">
        <v>7</v>
      </c>
      <c r="AJ21" s="517">
        <v>391400</v>
      </c>
      <c r="AK21" s="532">
        <v>15</v>
      </c>
      <c r="AL21" s="527" t="s">
        <v>200</v>
      </c>
      <c r="AM21" s="516">
        <v>0</v>
      </c>
      <c r="AN21" s="516">
        <v>0</v>
      </c>
      <c r="AO21" s="516">
        <v>0</v>
      </c>
      <c r="AP21" s="516">
        <v>0</v>
      </c>
      <c r="AQ21" s="524">
        <v>11</v>
      </c>
      <c r="AR21" s="516">
        <v>412486</v>
      </c>
      <c r="AS21" s="516">
        <v>0</v>
      </c>
      <c r="AT21" s="516">
        <v>0</v>
      </c>
      <c r="AU21" s="524">
        <v>0</v>
      </c>
      <c r="AV21" s="516">
        <v>0</v>
      </c>
      <c r="AW21" s="364">
        <v>488</v>
      </c>
      <c r="AX21" s="366">
        <v>17513241</v>
      </c>
      <c r="AY21" s="521">
        <v>1</v>
      </c>
      <c r="AZ21" s="522" t="s">
        <v>372</v>
      </c>
      <c r="BA21" s="528">
        <v>12228975</v>
      </c>
      <c r="BB21" s="529">
        <v>5017687</v>
      </c>
      <c r="BC21" s="530">
        <v>266579</v>
      </c>
      <c r="BD21" s="385">
        <v>15</v>
      </c>
      <c r="BE21" s="531" t="s">
        <v>200</v>
      </c>
      <c r="BF21" s="529">
        <v>-1</v>
      </c>
      <c r="BG21" s="529">
        <v>3112875</v>
      </c>
      <c r="BH21" s="529">
        <v>0</v>
      </c>
      <c r="BI21" s="530">
        <v>0</v>
      </c>
    </row>
    <row r="22" spans="1:61" s="498" customFormat="1" ht="13.5" customHeight="1" x14ac:dyDescent="0.15">
      <c r="A22" s="385">
        <v>16</v>
      </c>
      <c r="B22" s="526" t="s">
        <v>198</v>
      </c>
      <c r="C22" s="516">
        <v>0</v>
      </c>
      <c r="D22" s="516">
        <v>0</v>
      </c>
      <c r="E22" s="516">
        <v>-700</v>
      </c>
      <c r="F22" s="516">
        <v>48</v>
      </c>
      <c r="G22" s="516">
        <v>57</v>
      </c>
      <c r="H22" s="516">
        <v>782290</v>
      </c>
      <c r="I22" s="516">
        <v>19</v>
      </c>
      <c r="J22" s="516">
        <v>30</v>
      </c>
      <c r="K22" s="516">
        <v>195930</v>
      </c>
      <c r="L22" s="358">
        <v>67</v>
      </c>
      <c r="M22" s="358">
        <v>87</v>
      </c>
      <c r="N22" s="358">
        <v>977520</v>
      </c>
      <c r="O22" s="516">
        <v>26</v>
      </c>
      <c r="P22" s="516">
        <v>33</v>
      </c>
      <c r="Q22" s="517">
        <v>264870</v>
      </c>
      <c r="R22" s="385">
        <v>16</v>
      </c>
      <c r="S22" s="526" t="s">
        <v>198</v>
      </c>
      <c r="T22" s="516">
        <v>0</v>
      </c>
      <c r="U22" s="516">
        <v>0</v>
      </c>
      <c r="V22" s="516">
        <v>0</v>
      </c>
      <c r="W22" s="516">
        <v>0</v>
      </c>
      <c r="X22" s="516">
        <v>0</v>
      </c>
      <c r="Y22" s="516">
        <v>0</v>
      </c>
      <c r="Z22" s="358">
        <v>93</v>
      </c>
      <c r="AA22" s="358">
        <v>1242390</v>
      </c>
      <c r="AB22" s="516">
        <v>0</v>
      </c>
      <c r="AC22" s="516">
        <v>0</v>
      </c>
      <c r="AD22" s="516">
        <v>0</v>
      </c>
      <c r="AE22" s="516">
        <v>0</v>
      </c>
      <c r="AF22" s="516">
        <v>0</v>
      </c>
      <c r="AG22" s="516">
        <v>5</v>
      </c>
      <c r="AH22" s="516">
        <v>10008</v>
      </c>
      <c r="AI22" s="516">
        <v>0</v>
      </c>
      <c r="AJ22" s="517">
        <v>0</v>
      </c>
      <c r="AK22" s="532">
        <v>16</v>
      </c>
      <c r="AL22" s="527" t="s">
        <v>198</v>
      </c>
      <c r="AM22" s="516">
        <v>0</v>
      </c>
      <c r="AN22" s="516">
        <v>0</v>
      </c>
      <c r="AO22" s="516">
        <v>0</v>
      </c>
      <c r="AP22" s="516">
        <v>0</v>
      </c>
      <c r="AQ22" s="524">
        <v>5</v>
      </c>
      <c r="AR22" s="516">
        <v>10008</v>
      </c>
      <c r="AS22" s="516">
        <v>0</v>
      </c>
      <c r="AT22" s="516">
        <v>0</v>
      </c>
      <c r="AU22" s="524">
        <v>0</v>
      </c>
      <c r="AV22" s="516">
        <v>0</v>
      </c>
      <c r="AW22" s="364">
        <v>98</v>
      </c>
      <c r="AX22" s="366">
        <v>1252398</v>
      </c>
      <c r="AY22" s="521">
        <v>1</v>
      </c>
      <c r="AZ22" s="522" t="s">
        <v>372</v>
      </c>
      <c r="BA22" s="528">
        <v>876679</v>
      </c>
      <c r="BB22" s="529">
        <v>373283</v>
      </c>
      <c r="BC22" s="530">
        <v>2436</v>
      </c>
      <c r="BD22" s="385">
        <v>16</v>
      </c>
      <c r="BE22" s="531" t="s">
        <v>198</v>
      </c>
      <c r="BF22" s="529">
        <v>0</v>
      </c>
      <c r="BG22" s="529">
        <v>136710</v>
      </c>
      <c r="BH22" s="529">
        <v>1</v>
      </c>
      <c r="BI22" s="530">
        <v>8706</v>
      </c>
    </row>
    <row r="23" spans="1:61" s="498" customFormat="1" ht="13.5" customHeight="1" x14ac:dyDescent="0.15">
      <c r="A23" s="385">
        <v>17</v>
      </c>
      <c r="B23" s="533" t="s">
        <v>196</v>
      </c>
      <c r="C23" s="389">
        <v>0</v>
      </c>
      <c r="D23" s="389">
        <v>0</v>
      </c>
      <c r="E23" s="389">
        <v>-1400</v>
      </c>
      <c r="F23" s="389">
        <v>140</v>
      </c>
      <c r="G23" s="389">
        <v>195</v>
      </c>
      <c r="H23" s="389">
        <v>1493610</v>
      </c>
      <c r="I23" s="389">
        <v>57</v>
      </c>
      <c r="J23" s="389">
        <v>91</v>
      </c>
      <c r="K23" s="389">
        <v>630070</v>
      </c>
      <c r="L23" s="391">
        <v>197</v>
      </c>
      <c r="M23" s="391">
        <v>286</v>
      </c>
      <c r="N23" s="391">
        <v>2122280</v>
      </c>
      <c r="O23" s="389">
        <v>101</v>
      </c>
      <c r="P23" s="389">
        <v>112</v>
      </c>
      <c r="Q23" s="534">
        <v>1796660</v>
      </c>
      <c r="R23" s="385">
        <v>17</v>
      </c>
      <c r="S23" s="533" t="s">
        <v>196</v>
      </c>
      <c r="T23" s="389">
        <v>0</v>
      </c>
      <c r="U23" s="389">
        <v>0</v>
      </c>
      <c r="V23" s="389">
        <v>0</v>
      </c>
      <c r="W23" s="389">
        <v>0</v>
      </c>
      <c r="X23" s="389">
        <v>0</v>
      </c>
      <c r="Y23" s="389">
        <v>0</v>
      </c>
      <c r="Z23" s="391">
        <v>298</v>
      </c>
      <c r="AA23" s="358">
        <v>3918940</v>
      </c>
      <c r="AB23" s="389">
        <v>0</v>
      </c>
      <c r="AC23" s="389">
        <v>1</v>
      </c>
      <c r="AD23" s="389">
        <v>7080</v>
      </c>
      <c r="AE23" s="389">
        <v>0</v>
      </c>
      <c r="AF23" s="389">
        <v>0</v>
      </c>
      <c r="AG23" s="389">
        <v>4</v>
      </c>
      <c r="AH23" s="389">
        <v>9382</v>
      </c>
      <c r="AI23" s="389">
        <v>7</v>
      </c>
      <c r="AJ23" s="534">
        <v>39476</v>
      </c>
      <c r="AK23" s="532">
        <v>17</v>
      </c>
      <c r="AL23" s="535" t="s">
        <v>196</v>
      </c>
      <c r="AM23" s="389">
        <v>0</v>
      </c>
      <c r="AN23" s="389">
        <v>0</v>
      </c>
      <c r="AO23" s="389">
        <v>0</v>
      </c>
      <c r="AP23" s="389">
        <v>0</v>
      </c>
      <c r="AQ23" s="536">
        <v>12</v>
      </c>
      <c r="AR23" s="389">
        <v>55938</v>
      </c>
      <c r="AS23" s="389">
        <v>0</v>
      </c>
      <c r="AT23" s="389">
        <v>0</v>
      </c>
      <c r="AU23" s="536">
        <v>0</v>
      </c>
      <c r="AV23" s="389">
        <v>0</v>
      </c>
      <c r="AW23" s="396">
        <v>310</v>
      </c>
      <c r="AX23" s="366">
        <v>3974878</v>
      </c>
      <c r="AY23" s="521">
        <v>1</v>
      </c>
      <c r="AZ23" s="537" t="s">
        <v>372</v>
      </c>
      <c r="BA23" s="538">
        <v>2782414</v>
      </c>
      <c r="BB23" s="539">
        <v>1156114</v>
      </c>
      <c r="BC23" s="540">
        <v>36350</v>
      </c>
      <c r="BD23" s="385">
        <v>17</v>
      </c>
      <c r="BE23" s="541" t="s">
        <v>196</v>
      </c>
      <c r="BF23" s="539">
        <v>6</v>
      </c>
      <c r="BG23" s="539">
        <v>217391</v>
      </c>
      <c r="BH23" s="539">
        <v>0</v>
      </c>
      <c r="BI23" s="540">
        <v>0</v>
      </c>
    </row>
    <row r="24" spans="1:61" s="498" customFormat="1" ht="13.5" customHeight="1" x14ac:dyDescent="0.15">
      <c r="A24" s="385">
        <v>18</v>
      </c>
      <c r="B24" s="526" t="s">
        <v>194</v>
      </c>
      <c r="C24" s="529">
        <v>4</v>
      </c>
      <c r="D24" s="529">
        <v>29</v>
      </c>
      <c r="E24" s="529">
        <v>4602280</v>
      </c>
      <c r="F24" s="529">
        <v>214</v>
      </c>
      <c r="G24" s="529">
        <v>245</v>
      </c>
      <c r="H24" s="529">
        <v>2253110</v>
      </c>
      <c r="I24" s="529">
        <v>36</v>
      </c>
      <c r="J24" s="529">
        <v>64</v>
      </c>
      <c r="K24" s="529">
        <v>539670</v>
      </c>
      <c r="L24" s="376">
        <v>254</v>
      </c>
      <c r="M24" s="376">
        <v>338</v>
      </c>
      <c r="N24" s="376">
        <v>7395060</v>
      </c>
      <c r="O24" s="529">
        <v>133</v>
      </c>
      <c r="P24" s="529">
        <v>149</v>
      </c>
      <c r="Q24" s="530">
        <v>1442440</v>
      </c>
      <c r="R24" s="385">
        <v>18</v>
      </c>
      <c r="S24" s="526" t="s">
        <v>194</v>
      </c>
      <c r="T24" s="529">
        <v>3</v>
      </c>
      <c r="U24" s="529">
        <v>66</v>
      </c>
      <c r="V24" s="529">
        <v>47376</v>
      </c>
      <c r="W24" s="529">
        <v>0</v>
      </c>
      <c r="X24" s="529">
        <v>0</v>
      </c>
      <c r="Y24" s="529">
        <v>0</v>
      </c>
      <c r="Z24" s="376">
        <v>387</v>
      </c>
      <c r="AA24" s="358">
        <v>8884876</v>
      </c>
      <c r="AB24" s="529">
        <v>0</v>
      </c>
      <c r="AC24" s="529">
        <v>0</v>
      </c>
      <c r="AD24" s="529">
        <v>0</v>
      </c>
      <c r="AE24" s="529">
        <v>0</v>
      </c>
      <c r="AF24" s="529">
        <v>0</v>
      </c>
      <c r="AG24" s="529">
        <v>3</v>
      </c>
      <c r="AH24" s="529">
        <v>24490</v>
      </c>
      <c r="AI24" s="529">
        <v>12</v>
      </c>
      <c r="AJ24" s="530">
        <v>516600</v>
      </c>
      <c r="AK24" s="532">
        <v>18</v>
      </c>
      <c r="AL24" s="527" t="s">
        <v>194</v>
      </c>
      <c r="AM24" s="529">
        <v>0</v>
      </c>
      <c r="AN24" s="529">
        <v>0</v>
      </c>
      <c r="AO24" s="529">
        <v>0</v>
      </c>
      <c r="AP24" s="529">
        <v>0</v>
      </c>
      <c r="AQ24" s="529">
        <v>15</v>
      </c>
      <c r="AR24" s="529">
        <v>541090</v>
      </c>
      <c r="AS24" s="529">
        <v>0</v>
      </c>
      <c r="AT24" s="529">
        <v>0</v>
      </c>
      <c r="AU24" s="529">
        <v>0</v>
      </c>
      <c r="AV24" s="529">
        <v>0</v>
      </c>
      <c r="AW24" s="376">
        <v>402</v>
      </c>
      <c r="AX24" s="366">
        <v>9425966</v>
      </c>
      <c r="AY24" s="542">
        <v>1</v>
      </c>
      <c r="AZ24" s="543" t="s">
        <v>372</v>
      </c>
      <c r="BA24" s="529">
        <v>6582029</v>
      </c>
      <c r="BB24" s="529">
        <v>2572698</v>
      </c>
      <c r="BC24" s="530">
        <v>271239</v>
      </c>
      <c r="BD24" s="385">
        <v>18</v>
      </c>
      <c r="BE24" s="526" t="s">
        <v>194</v>
      </c>
      <c r="BF24" s="529">
        <v>2</v>
      </c>
      <c r="BG24" s="529">
        <v>1213425</v>
      </c>
      <c r="BH24" s="529">
        <v>0</v>
      </c>
      <c r="BI24" s="530">
        <v>0</v>
      </c>
    </row>
    <row r="25" spans="1:61" s="498" customFormat="1" ht="13.5" customHeight="1" x14ac:dyDescent="0.15">
      <c r="A25" s="385">
        <v>19</v>
      </c>
      <c r="B25" s="526" t="s">
        <v>192</v>
      </c>
      <c r="C25" s="529">
        <v>-1</v>
      </c>
      <c r="D25" s="529">
        <v>-11</v>
      </c>
      <c r="E25" s="529">
        <v>-27630</v>
      </c>
      <c r="F25" s="529">
        <v>49</v>
      </c>
      <c r="G25" s="529">
        <v>84</v>
      </c>
      <c r="H25" s="529">
        <v>435310</v>
      </c>
      <c r="I25" s="529">
        <v>9</v>
      </c>
      <c r="J25" s="529">
        <v>20</v>
      </c>
      <c r="K25" s="529">
        <v>145620</v>
      </c>
      <c r="L25" s="376">
        <v>57</v>
      </c>
      <c r="M25" s="376">
        <v>93</v>
      </c>
      <c r="N25" s="376">
        <v>553300</v>
      </c>
      <c r="O25" s="529">
        <v>35</v>
      </c>
      <c r="P25" s="529">
        <v>43</v>
      </c>
      <c r="Q25" s="530">
        <v>273580</v>
      </c>
      <c r="R25" s="385">
        <v>19</v>
      </c>
      <c r="S25" s="526" t="s">
        <v>192</v>
      </c>
      <c r="T25" s="529">
        <v>-1</v>
      </c>
      <c r="U25" s="529">
        <v>-11</v>
      </c>
      <c r="V25" s="529">
        <v>-640</v>
      </c>
      <c r="W25" s="529">
        <v>0</v>
      </c>
      <c r="X25" s="529">
        <v>0</v>
      </c>
      <c r="Y25" s="529">
        <v>0</v>
      </c>
      <c r="Z25" s="376">
        <v>92</v>
      </c>
      <c r="AA25" s="358">
        <v>826240</v>
      </c>
      <c r="AB25" s="529">
        <v>0</v>
      </c>
      <c r="AC25" s="529">
        <v>0</v>
      </c>
      <c r="AD25" s="529">
        <v>0</v>
      </c>
      <c r="AE25" s="529">
        <v>0</v>
      </c>
      <c r="AF25" s="529">
        <v>0</v>
      </c>
      <c r="AG25" s="529">
        <v>0</v>
      </c>
      <c r="AH25" s="529">
        <v>0</v>
      </c>
      <c r="AI25" s="529">
        <v>0</v>
      </c>
      <c r="AJ25" s="530">
        <v>0</v>
      </c>
      <c r="AK25" s="532">
        <v>19</v>
      </c>
      <c r="AL25" s="527" t="s">
        <v>192</v>
      </c>
      <c r="AM25" s="529">
        <v>0</v>
      </c>
      <c r="AN25" s="529">
        <v>0</v>
      </c>
      <c r="AO25" s="529">
        <v>0</v>
      </c>
      <c r="AP25" s="529">
        <v>0</v>
      </c>
      <c r="AQ25" s="529">
        <v>0</v>
      </c>
      <c r="AR25" s="529">
        <v>0</v>
      </c>
      <c r="AS25" s="529">
        <v>0</v>
      </c>
      <c r="AT25" s="529">
        <v>0</v>
      </c>
      <c r="AU25" s="529">
        <v>0</v>
      </c>
      <c r="AV25" s="529">
        <v>0</v>
      </c>
      <c r="AW25" s="376">
        <v>92</v>
      </c>
      <c r="AX25" s="366">
        <v>826240</v>
      </c>
      <c r="AY25" s="542">
        <v>1</v>
      </c>
      <c r="AZ25" s="543" t="s">
        <v>372</v>
      </c>
      <c r="BA25" s="529">
        <v>578536</v>
      </c>
      <c r="BB25" s="529">
        <v>247704</v>
      </c>
      <c r="BC25" s="530">
        <v>0</v>
      </c>
      <c r="BD25" s="385">
        <v>19</v>
      </c>
      <c r="BE25" s="526" t="s">
        <v>192</v>
      </c>
      <c r="BF25" s="529">
        <v>0</v>
      </c>
      <c r="BG25" s="529">
        <v>0</v>
      </c>
      <c r="BH25" s="529">
        <v>0</v>
      </c>
      <c r="BI25" s="530">
        <v>0</v>
      </c>
    </row>
    <row r="26" spans="1:61" s="470" customFormat="1" ht="13.5" customHeight="1" x14ac:dyDescent="0.15">
      <c r="A26" s="385">
        <v>20</v>
      </c>
      <c r="B26" s="526" t="s">
        <v>191</v>
      </c>
      <c r="C26" s="529">
        <v>0</v>
      </c>
      <c r="D26" s="529">
        <v>0</v>
      </c>
      <c r="E26" s="529">
        <v>0</v>
      </c>
      <c r="F26" s="529">
        <v>77</v>
      </c>
      <c r="G26" s="529">
        <v>122</v>
      </c>
      <c r="H26" s="529">
        <v>782500</v>
      </c>
      <c r="I26" s="529">
        <v>41</v>
      </c>
      <c r="J26" s="529">
        <v>71</v>
      </c>
      <c r="K26" s="529">
        <v>387700</v>
      </c>
      <c r="L26" s="376">
        <v>118</v>
      </c>
      <c r="M26" s="376">
        <v>193</v>
      </c>
      <c r="N26" s="376">
        <v>1170200</v>
      </c>
      <c r="O26" s="529">
        <v>58</v>
      </c>
      <c r="P26" s="529">
        <v>77</v>
      </c>
      <c r="Q26" s="530">
        <v>1274260</v>
      </c>
      <c r="R26" s="385">
        <v>20</v>
      </c>
      <c r="S26" s="526" t="s">
        <v>191</v>
      </c>
      <c r="T26" s="529">
        <v>0</v>
      </c>
      <c r="U26" s="529">
        <v>0</v>
      </c>
      <c r="V26" s="529">
        <v>0</v>
      </c>
      <c r="W26" s="529">
        <v>0</v>
      </c>
      <c r="X26" s="529">
        <v>0</v>
      </c>
      <c r="Y26" s="529">
        <v>0</v>
      </c>
      <c r="Z26" s="376">
        <v>176</v>
      </c>
      <c r="AA26" s="358">
        <v>2444460</v>
      </c>
      <c r="AB26" s="529">
        <v>0</v>
      </c>
      <c r="AC26" s="529">
        <v>0</v>
      </c>
      <c r="AD26" s="529">
        <v>0</v>
      </c>
      <c r="AE26" s="529">
        <v>0</v>
      </c>
      <c r="AF26" s="529">
        <v>0</v>
      </c>
      <c r="AG26" s="529">
        <v>1</v>
      </c>
      <c r="AH26" s="529">
        <v>4480</v>
      </c>
      <c r="AI26" s="529">
        <v>0</v>
      </c>
      <c r="AJ26" s="530">
        <v>0</v>
      </c>
      <c r="AK26" s="385">
        <v>20</v>
      </c>
      <c r="AL26" s="526" t="s">
        <v>191</v>
      </c>
      <c r="AM26" s="529">
        <v>0</v>
      </c>
      <c r="AN26" s="529">
        <v>0</v>
      </c>
      <c r="AO26" s="529">
        <v>0</v>
      </c>
      <c r="AP26" s="529">
        <v>0</v>
      </c>
      <c r="AQ26" s="529">
        <v>1</v>
      </c>
      <c r="AR26" s="529">
        <v>4480</v>
      </c>
      <c r="AS26" s="529">
        <v>0</v>
      </c>
      <c r="AT26" s="529">
        <v>0</v>
      </c>
      <c r="AU26" s="529">
        <v>0</v>
      </c>
      <c r="AV26" s="529">
        <v>0</v>
      </c>
      <c r="AW26" s="376">
        <v>177</v>
      </c>
      <c r="AX26" s="366">
        <v>2448940</v>
      </c>
      <c r="AY26" s="542">
        <v>1</v>
      </c>
      <c r="AZ26" s="543" t="s">
        <v>372</v>
      </c>
      <c r="BA26" s="529">
        <v>1714258</v>
      </c>
      <c r="BB26" s="529">
        <v>562125</v>
      </c>
      <c r="BC26" s="530">
        <v>172557</v>
      </c>
      <c r="BD26" s="385">
        <v>20</v>
      </c>
      <c r="BE26" s="526" t="s">
        <v>191</v>
      </c>
      <c r="BF26" s="529">
        <v>2</v>
      </c>
      <c r="BG26" s="529">
        <v>8562</v>
      </c>
      <c r="BH26" s="529">
        <v>0</v>
      </c>
      <c r="BI26" s="530">
        <v>0</v>
      </c>
    </row>
    <row r="27" spans="1:61" s="470" customFormat="1" ht="13.5" customHeight="1" x14ac:dyDescent="0.15">
      <c r="A27" s="385">
        <v>21</v>
      </c>
      <c r="B27" s="526" t="s">
        <v>189</v>
      </c>
      <c r="C27" s="529">
        <v>2</v>
      </c>
      <c r="D27" s="529">
        <v>5</v>
      </c>
      <c r="E27" s="529">
        <v>141390</v>
      </c>
      <c r="F27" s="529">
        <v>178</v>
      </c>
      <c r="G27" s="529">
        <v>226</v>
      </c>
      <c r="H27" s="529">
        <v>2449510</v>
      </c>
      <c r="I27" s="529">
        <v>55</v>
      </c>
      <c r="J27" s="529">
        <v>80</v>
      </c>
      <c r="K27" s="529">
        <v>459980</v>
      </c>
      <c r="L27" s="376">
        <v>235</v>
      </c>
      <c r="M27" s="376">
        <v>311</v>
      </c>
      <c r="N27" s="376">
        <v>3050880</v>
      </c>
      <c r="O27" s="529">
        <v>117</v>
      </c>
      <c r="P27" s="529">
        <v>135</v>
      </c>
      <c r="Q27" s="530">
        <v>1189610</v>
      </c>
      <c r="R27" s="385">
        <v>21</v>
      </c>
      <c r="S27" s="526" t="s">
        <v>189</v>
      </c>
      <c r="T27" s="529">
        <v>2</v>
      </c>
      <c r="U27" s="529">
        <v>9</v>
      </c>
      <c r="V27" s="529">
        <v>5374</v>
      </c>
      <c r="W27" s="529">
        <v>0</v>
      </c>
      <c r="X27" s="529">
        <v>0</v>
      </c>
      <c r="Y27" s="529">
        <v>0</v>
      </c>
      <c r="Z27" s="376">
        <v>352</v>
      </c>
      <c r="AA27" s="358">
        <v>4245864</v>
      </c>
      <c r="AB27" s="529">
        <v>0</v>
      </c>
      <c r="AC27" s="529">
        <v>0</v>
      </c>
      <c r="AD27" s="529">
        <v>0</v>
      </c>
      <c r="AE27" s="529">
        <v>2</v>
      </c>
      <c r="AF27" s="529">
        <v>20252</v>
      </c>
      <c r="AG27" s="529">
        <v>7</v>
      </c>
      <c r="AH27" s="529">
        <v>42553</v>
      </c>
      <c r="AI27" s="529">
        <v>0</v>
      </c>
      <c r="AJ27" s="530">
        <v>0</v>
      </c>
      <c r="AK27" s="385">
        <v>21</v>
      </c>
      <c r="AL27" s="526" t="s">
        <v>189</v>
      </c>
      <c r="AM27" s="529">
        <v>0</v>
      </c>
      <c r="AN27" s="529">
        <v>0</v>
      </c>
      <c r="AO27" s="529">
        <v>0</v>
      </c>
      <c r="AP27" s="529">
        <v>0</v>
      </c>
      <c r="AQ27" s="529">
        <v>9</v>
      </c>
      <c r="AR27" s="529">
        <v>62805</v>
      </c>
      <c r="AS27" s="529">
        <v>0</v>
      </c>
      <c r="AT27" s="529">
        <v>0</v>
      </c>
      <c r="AU27" s="529">
        <v>0</v>
      </c>
      <c r="AV27" s="529">
        <v>0</v>
      </c>
      <c r="AW27" s="376">
        <v>361</v>
      </c>
      <c r="AX27" s="366">
        <v>4308669</v>
      </c>
      <c r="AY27" s="542">
        <v>1</v>
      </c>
      <c r="AZ27" s="543" t="s">
        <v>372</v>
      </c>
      <c r="BA27" s="529">
        <v>3013525</v>
      </c>
      <c r="BB27" s="529">
        <v>1248675</v>
      </c>
      <c r="BC27" s="530">
        <v>46469</v>
      </c>
      <c r="BD27" s="385">
        <v>21</v>
      </c>
      <c r="BE27" s="526" t="s">
        <v>189</v>
      </c>
      <c r="BF27" s="529">
        <v>3</v>
      </c>
      <c r="BG27" s="529">
        <v>38890</v>
      </c>
      <c r="BH27" s="529">
        <v>0</v>
      </c>
      <c r="BI27" s="530">
        <v>0</v>
      </c>
    </row>
    <row r="28" spans="1:61" s="498" customFormat="1" ht="13.5" customHeight="1" x14ac:dyDescent="0.15">
      <c r="A28" s="385">
        <v>22</v>
      </c>
      <c r="B28" s="526" t="s">
        <v>187</v>
      </c>
      <c r="C28" s="529">
        <v>0</v>
      </c>
      <c r="D28" s="529">
        <v>0</v>
      </c>
      <c r="E28" s="529">
        <v>0</v>
      </c>
      <c r="F28" s="529">
        <v>27</v>
      </c>
      <c r="G28" s="529">
        <v>35</v>
      </c>
      <c r="H28" s="529">
        <v>206280</v>
      </c>
      <c r="I28" s="529">
        <v>6</v>
      </c>
      <c r="J28" s="529">
        <v>9</v>
      </c>
      <c r="K28" s="529">
        <v>66500</v>
      </c>
      <c r="L28" s="376">
        <v>33</v>
      </c>
      <c r="M28" s="376">
        <v>44</v>
      </c>
      <c r="N28" s="376">
        <v>272780</v>
      </c>
      <c r="O28" s="529">
        <v>19</v>
      </c>
      <c r="P28" s="529">
        <v>22</v>
      </c>
      <c r="Q28" s="530">
        <v>242360</v>
      </c>
      <c r="R28" s="385">
        <v>22</v>
      </c>
      <c r="S28" s="526" t="s">
        <v>187</v>
      </c>
      <c r="T28" s="529">
        <v>0</v>
      </c>
      <c r="U28" s="529">
        <v>0</v>
      </c>
      <c r="V28" s="529">
        <v>0</v>
      </c>
      <c r="W28" s="529">
        <v>0</v>
      </c>
      <c r="X28" s="529">
        <v>0</v>
      </c>
      <c r="Y28" s="529">
        <v>0</v>
      </c>
      <c r="Z28" s="376">
        <v>52</v>
      </c>
      <c r="AA28" s="358">
        <v>515140</v>
      </c>
      <c r="AB28" s="529">
        <v>0</v>
      </c>
      <c r="AC28" s="529">
        <v>0</v>
      </c>
      <c r="AD28" s="529">
        <v>0</v>
      </c>
      <c r="AE28" s="529">
        <v>0</v>
      </c>
      <c r="AF28" s="529">
        <v>0</v>
      </c>
      <c r="AG28" s="529">
        <v>3</v>
      </c>
      <c r="AH28" s="529">
        <v>60309</v>
      </c>
      <c r="AI28" s="529">
        <v>-1</v>
      </c>
      <c r="AJ28" s="530">
        <v>-47520</v>
      </c>
      <c r="AK28" s="532">
        <v>22</v>
      </c>
      <c r="AL28" s="527" t="s">
        <v>187</v>
      </c>
      <c r="AM28" s="529">
        <v>10</v>
      </c>
      <c r="AN28" s="529">
        <v>439420</v>
      </c>
      <c r="AO28" s="529">
        <v>0</v>
      </c>
      <c r="AP28" s="529">
        <v>0</v>
      </c>
      <c r="AQ28" s="529">
        <v>12</v>
      </c>
      <c r="AR28" s="529">
        <v>452209</v>
      </c>
      <c r="AS28" s="529">
        <v>11</v>
      </c>
      <c r="AT28" s="529">
        <v>47410</v>
      </c>
      <c r="AU28" s="529">
        <v>0</v>
      </c>
      <c r="AV28" s="529">
        <v>0</v>
      </c>
      <c r="AW28" s="376">
        <v>64</v>
      </c>
      <c r="AX28" s="366">
        <v>967349</v>
      </c>
      <c r="AY28" s="542">
        <v>1</v>
      </c>
      <c r="AZ28" s="543" t="s">
        <v>372</v>
      </c>
      <c r="BA28" s="529">
        <v>677144</v>
      </c>
      <c r="BB28" s="529">
        <v>220356</v>
      </c>
      <c r="BC28" s="530">
        <v>69849</v>
      </c>
      <c r="BD28" s="385">
        <v>22</v>
      </c>
      <c r="BE28" s="526" t="s">
        <v>187</v>
      </c>
      <c r="BF28" s="529">
        <v>0</v>
      </c>
      <c r="BG28" s="529">
        <v>0</v>
      </c>
      <c r="BH28" s="529">
        <v>0</v>
      </c>
      <c r="BI28" s="530">
        <v>0</v>
      </c>
    </row>
    <row r="29" spans="1:61" s="498" customFormat="1" ht="13.5" customHeight="1" x14ac:dyDescent="0.15">
      <c r="A29" s="385">
        <v>23</v>
      </c>
      <c r="B29" s="526" t="s">
        <v>185</v>
      </c>
      <c r="C29" s="529">
        <v>0</v>
      </c>
      <c r="D29" s="529">
        <v>0</v>
      </c>
      <c r="E29" s="529">
        <v>0</v>
      </c>
      <c r="F29" s="529">
        <v>95</v>
      </c>
      <c r="G29" s="529">
        <v>128</v>
      </c>
      <c r="H29" s="529">
        <v>1089160</v>
      </c>
      <c r="I29" s="529">
        <v>25</v>
      </c>
      <c r="J29" s="529">
        <v>51</v>
      </c>
      <c r="K29" s="529">
        <v>316720</v>
      </c>
      <c r="L29" s="376">
        <v>120</v>
      </c>
      <c r="M29" s="376">
        <v>179</v>
      </c>
      <c r="N29" s="376">
        <v>1405880</v>
      </c>
      <c r="O29" s="529">
        <v>71</v>
      </c>
      <c r="P29" s="529">
        <v>84</v>
      </c>
      <c r="Q29" s="530">
        <v>995720</v>
      </c>
      <c r="R29" s="385">
        <v>23</v>
      </c>
      <c r="S29" s="526" t="s">
        <v>185</v>
      </c>
      <c r="T29" s="529">
        <v>0</v>
      </c>
      <c r="U29" s="529">
        <v>0</v>
      </c>
      <c r="V29" s="529">
        <v>0</v>
      </c>
      <c r="W29" s="529">
        <v>0</v>
      </c>
      <c r="X29" s="529">
        <v>0</v>
      </c>
      <c r="Y29" s="529">
        <v>0</v>
      </c>
      <c r="Z29" s="376">
        <v>191</v>
      </c>
      <c r="AA29" s="358">
        <v>2401600</v>
      </c>
      <c r="AB29" s="529">
        <v>0</v>
      </c>
      <c r="AC29" s="529">
        <v>0</v>
      </c>
      <c r="AD29" s="529">
        <v>0</v>
      </c>
      <c r="AE29" s="529">
        <v>0</v>
      </c>
      <c r="AF29" s="529">
        <v>0</v>
      </c>
      <c r="AG29" s="529">
        <v>8</v>
      </c>
      <c r="AH29" s="529">
        <v>475840</v>
      </c>
      <c r="AI29" s="529">
        <v>0</v>
      </c>
      <c r="AJ29" s="530">
        <v>0</v>
      </c>
      <c r="AK29" s="532">
        <v>23</v>
      </c>
      <c r="AL29" s="527" t="s">
        <v>185</v>
      </c>
      <c r="AM29" s="529">
        <v>0</v>
      </c>
      <c r="AN29" s="529">
        <v>0</v>
      </c>
      <c r="AO29" s="529">
        <v>0</v>
      </c>
      <c r="AP29" s="529">
        <v>0</v>
      </c>
      <c r="AQ29" s="529">
        <v>8</v>
      </c>
      <c r="AR29" s="529">
        <v>475840</v>
      </c>
      <c r="AS29" s="529">
        <v>0</v>
      </c>
      <c r="AT29" s="529">
        <v>0</v>
      </c>
      <c r="AU29" s="529">
        <v>0</v>
      </c>
      <c r="AV29" s="529">
        <v>0</v>
      </c>
      <c r="AW29" s="376">
        <v>199</v>
      </c>
      <c r="AX29" s="366">
        <v>2877440</v>
      </c>
      <c r="AY29" s="542">
        <v>1</v>
      </c>
      <c r="AZ29" s="543" t="s">
        <v>372</v>
      </c>
      <c r="BA29" s="529">
        <v>2014208</v>
      </c>
      <c r="BB29" s="529">
        <v>539733</v>
      </c>
      <c r="BC29" s="530">
        <v>323499</v>
      </c>
      <c r="BD29" s="385">
        <v>23</v>
      </c>
      <c r="BE29" s="526" t="s">
        <v>185</v>
      </c>
      <c r="BF29" s="529">
        <v>0</v>
      </c>
      <c r="BG29" s="529">
        <v>0</v>
      </c>
      <c r="BH29" s="529">
        <v>0</v>
      </c>
      <c r="BI29" s="530">
        <v>0</v>
      </c>
    </row>
    <row r="30" spans="1:61" s="498" customFormat="1" ht="13.5" customHeight="1" x14ac:dyDescent="0.15">
      <c r="A30" s="385">
        <v>24</v>
      </c>
      <c r="B30" s="544" t="s">
        <v>183</v>
      </c>
      <c r="C30" s="516">
        <v>0</v>
      </c>
      <c r="D30" s="516">
        <v>0</v>
      </c>
      <c r="E30" s="516">
        <v>0</v>
      </c>
      <c r="F30" s="516">
        <v>38</v>
      </c>
      <c r="G30" s="516">
        <v>44</v>
      </c>
      <c r="H30" s="516">
        <v>344600</v>
      </c>
      <c r="I30" s="516">
        <v>11</v>
      </c>
      <c r="J30" s="516">
        <v>14</v>
      </c>
      <c r="K30" s="516">
        <v>115410</v>
      </c>
      <c r="L30" s="358">
        <v>49</v>
      </c>
      <c r="M30" s="358">
        <v>58</v>
      </c>
      <c r="N30" s="358">
        <v>460010</v>
      </c>
      <c r="O30" s="516">
        <v>24</v>
      </c>
      <c r="P30" s="516">
        <v>24</v>
      </c>
      <c r="Q30" s="517">
        <v>352280</v>
      </c>
      <c r="R30" s="385">
        <v>24</v>
      </c>
      <c r="S30" s="544" t="s">
        <v>183</v>
      </c>
      <c r="T30" s="516">
        <v>0</v>
      </c>
      <c r="U30" s="516">
        <v>0</v>
      </c>
      <c r="V30" s="516">
        <v>0</v>
      </c>
      <c r="W30" s="516">
        <v>0</v>
      </c>
      <c r="X30" s="516">
        <v>0</v>
      </c>
      <c r="Y30" s="516">
        <v>0</v>
      </c>
      <c r="Z30" s="358">
        <v>73</v>
      </c>
      <c r="AA30" s="358">
        <v>812290</v>
      </c>
      <c r="AB30" s="516">
        <v>0</v>
      </c>
      <c r="AC30" s="516">
        <v>0</v>
      </c>
      <c r="AD30" s="516">
        <v>0</v>
      </c>
      <c r="AE30" s="516">
        <v>0</v>
      </c>
      <c r="AF30" s="516">
        <v>0</v>
      </c>
      <c r="AG30" s="516">
        <v>0</v>
      </c>
      <c r="AH30" s="516">
        <v>0</v>
      </c>
      <c r="AI30" s="516">
        <v>0</v>
      </c>
      <c r="AJ30" s="517">
        <v>0</v>
      </c>
      <c r="AK30" s="532">
        <v>24</v>
      </c>
      <c r="AL30" s="519" t="s">
        <v>183</v>
      </c>
      <c r="AM30" s="516">
        <v>0</v>
      </c>
      <c r="AN30" s="516">
        <v>0</v>
      </c>
      <c r="AO30" s="516">
        <v>0</v>
      </c>
      <c r="AP30" s="516">
        <v>0</v>
      </c>
      <c r="AQ30" s="524">
        <v>0</v>
      </c>
      <c r="AR30" s="516">
        <v>0</v>
      </c>
      <c r="AS30" s="516">
        <v>0</v>
      </c>
      <c r="AT30" s="516">
        <v>0</v>
      </c>
      <c r="AU30" s="524">
        <v>0</v>
      </c>
      <c r="AV30" s="516">
        <v>0</v>
      </c>
      <c r="AW30" s="364">
        <v>73</v>
      </c>
      <c r="AX30" s="366">
        <v>812290</v>
      </c>
      <c r="AY30" s="521">
        <v>1</v>
      </c>
      <c r="AZ30" s="522" t="s">
        <v>372</v>
      </c>
      <c r="BA30" s="523">
        <v>568603</v>
      </c>
      <c r="BB30" s="524">
        <v>243687</v>
      </c>
      <c r="BC30" s="517">
        <v>0</v>
      </c>
      <c r="BD30" s="385">
        <v>24</v>
      </c>
      <c r="BE30" s="525" t="s">
        <v>183</v>
      </c>
      <c r="BF30" s="524">
        <v>0</v>
      </c>
      <c r="BG30" s="524">
        <v>0</v>
      </c>
      <c r="BH30" s="524">
        <v>0</v>
      </c>
      <c r="BI30" s="517">
        <v>0</v>
      </c>
    </row>
    <row r="31" spans="1:61" s="498" customFormat="1" ht="13.5" customHeight="1" x14ac:dyDescent="0.15">
      <c r="A31" s="385">
        <v>25</v>
      </c>
      <c r="B31" s="526" t="s">
        <v>181</v>
      </c>
      <c r="C31" s="516">
        <v>0</v>
      </c>
      <c r="D31" s="516">
        <v>0</v>
      </c>
      <c r="E31" s="516">
        <v>-1400</v>
      </c>
      <c r="F31" s="516">
        <v>35</v>
      </c>
      <c r="G31" s="516">
        <v>48</v>
      </c>
      <c r="H31" s="516">
        <v>372140</v>
      </c>
      <c r="I31" s="516">
        <v>13</v>
      </c>
      <c r="J31" s="516">
        <v>27</v>
      </c>
      <c r="K31" s="516">
        <v>351120</v>
      </c>
      <c r="L31" s="358">
        <v>48</v>
      </c>
      <c r="M31" s="358">
        <v>75</v>
      </c>
      <c r="N31" s="358">
        <v>721860</v>
      </c>
      <c r="O31" s="516">
        <v>29</v>
      </c>
      <c r="P31" s="516">
        <v>32</v>
      </c>
      <c r="Q31" s="517">
        <v>260290</v>
      </c>
      <c r="R31" s="385">
        <v>25</v>
      </c>
      <c r="S31" s="526" t="s">
        <v>181</v>
      </c>
      <c r="T31" s="516">
        <v>1</v>
      </c>
      <c r="U31" s="516">
        <v>15</v>
      </c>
      <c r="V31" s="516">
        <v>10740</v>
      </c>
      <c r="W31" s="516">
        <v>0</v>
      </c>
      <c r="X31" s="516">
        <v>0</v>
      </c>
      <c r="Y31" s="516">
        <v>0</v>
      </c>
      <c r="Z31" s="358">
        <v>77</v>
      </c>
      <c r="AA31" s="358">
        <v>992890</v>
      </c>
      <c r="AB31" s="516">
        <v>0</v>
      </c>
      <c r="AC31" s="516">
        <v>0</v>
      </c>
      <c r="AD31" s="516">
        <v>0</v>
      </c>
      <c r="AE31" s="516">
        <v>0</v>
      </c>
      <c r="AF31" s="516">
        <v>0</v>
      </c>
      <c r="AG31" s="516">
        <v>1</v>
      </c>
      <c r="AH31" s="516">
        <v>4890</v>
      </c>
      <c r="AI31" s="516">
        <v>0</v>
      </c>
      <c r="AJ31" s="517">
        <v>0</v>
      </c>
      <c r="AK31" s="532">
        <v>25</v>
      </c>
      <c r="AL31" s="527" t="s">
        <v>181</v>
      </c>
      <c r="AM31" s="516">
        <v>0</v>
      </c>
      <c r="AN31" s="516">
        <v>0</v>
      </c>
      <c r="AO31" s="516">
        <v>0</v>
      </c>
      <c r="AP31" s="516">
        <v>0</v>
      </c>
      <c r="AQ31" s="524">
        <v>1</v>
      </c>
      <c r="AR31" s="516">
        <v>4890</v>
      </c>
      <c r="AS31" s="516">
        <v>0</v>
      </c>
      <c r="AT31" s="516">
        <v>0</v>
      </c>
      <c r="AU31" s="524">
        <v>0</v>
      </c>
      <c r="AV31" s="516">
        <v>0</v>
      </c>
      <c r="AW31" s="364">
        <v>78</v>
      </c>
      <c r="AX31" s="366">
        <v>997780</v>
      </c>
      <c r="AY31" s="521">
        <v>1</v>
      </c>
      <c r="AZ31" s="522" t="s">
        <v>372</v>
      </c>
      <c r="BA31" s="528">
        <v>694768</v>
      </c>
      <c r="BB31" s="529">
        <v>303012</v>
      </c>
      <c r="BC31" s="530">
        <v>0</v>
      </c>
      <c r="BD31" s="385">
        <v>25</v>
      </c>
      <c r="BE31" s="531" t="s">
        <v>181</v>
      </c>
      <c r="BF31" s="529">
        <v>1</v>
      </c>
      <c r="BG31" s="529">
        <v>11139</v>
      </c>
      <c r="BH31" s="529">
        <v>0</v>
      </c>
      <c r="BI31" s="530">
        <v>0</v>
      </c>
    </row>
    <row r="32" spans="1:61" s="498" customFormat="1" ht="13.5" customHeight="1" x14ac:dyDescent="0.15">
      <c r="A32" s="352">
        <v>26</v>
      </c>
      <c r="B32" s="526" t="s">
        <v>179</v>
      </c>
      <c r="C32" s="516">
        <v>0</v>
      </c>
      <c r="D32" s="516">
        <v>0</v>
      </c>
      <c r="E32" s="516">
        <v>0</v>
      </c>
      <c r="F32" s="516">
        <v>72</v>
      </c>
      <c r="G32" s="516">
        <v>83</v>
      </c>
      <c r="H32" s="516">
        <v>543050</v>
      </c>
      <c r="I32" s="516">
        <v>23</v>
      </c>
      <c r="J32" s="516">
        <v>37</v>
      </c>
      <c r="K32" s="516">
        <v>338870</v>
      </c>
      <c r="L32" s="358">
        <v>95</v>
      </c>
      <c r="M32" s="358">
        <v>120</v>
      </c>
      <c r="N32" s="358">
        <v>881920</v>
      </c>
      <c r="O32" s="516">
        <v>51</v>
      </c>
      <c r="P32" s="516">
        <v>54</v>
      </c>
      <c r="Q32" s="517">
        <v>332750</v>
      </c>
      <c r="R32" s="385">
        <v>26</v>
      </c>
      <c r="S32" s="526" t="s">
        <v>179</v>
      </c>
      <c r="T32" s="516">
        <v>0</v>
      </c>
      <c r="U32" s="516">
        <v>0</v>
      </c>
      <c r="V32" s="516">
        <v>0</v>
      </c>
      <c r="W32" s="516">
        <v>0</v>
      </c>
      <c r="X32" s="516">
        <v>0</v>
      </c>
      <c r="Y32" s="516">
        <v>0</v>
      </c>
      <c r="Z32" s="358">
        <v>146</v>
      </c>
      <c r="AA32" s="358">
        <v>1214670</v>
      </c>
      <c r="AB32" s="516">
        <v>0</v>
      </c>
      <c r="AC32" s="516">
        <v>0</v>
      </c>
      <c r="AD32" s="516">
        <v>0</v>
      </c>
      <c r="AE32" s="516">
        <v>0</v>
      </c>
      <c r="AF32" s="516">
        <v>0</v>
      </c>
      <c r="AG32" s="516">
        <v>12</v>
      </c>
      <c r="AH32" s="516">
        <v>134750</v>
      </c>
      <c r="AI32" s="516">
        <v>0</v>
      </c>
      <c r="AJ32" s="517">
        <v>0</v>
      </c>
      <c r="AK32" s="532">
        <v>26</v>
      </c>
      <c r="AL32" s="527" t="s">
        <v>179</v>
      </c>
      <c r="AM32" s="516">
        <v>6</v>
      </c>
      <c r="AN32" s="516">
        <v>90510</v>
      </c>
      <c r="AO32" s="516">
        <v>0</v>
      </c>
      <c r="AP32" s="516">
        <v>0</v>
      </c>
      <c r="AQ32" s="524">
        <v>18</v>
      </c>
      <c r="AR32" s="516">
        <v>225260</v>
      </c>
      <c r="AS32" s="516">
        <v>0</v>
      </c>
      <c r="AT32" s="516">
        <v>0</v>
      </c>
      <c r="AU32" s="524">
        <v>0</v>
      </c>
      <c r="AV32" s="516">
        <v>0</v>
      </c>
      <c r="AW32" s="364">
        <v>164</v>
      </c>
      <c r="AX32" s="366">
        <v>1439930</v>
      </c>
      <c r="AY32" s="521">
        <v>1</v>
      </c>
      <c r="AZ32" s="522" t="s">
        <v>372</v>
      </c>
      <c r="BA32" s="528">
        <v>1011246</v>
      </c>
      <c r="BB32" s="529">
        <v>344159</v>
      </c>
      <c r="BC32" s="530">
        <v>84525</v>
      </c>
      <c r="BD32" s="385">
        <v>26</v>
      </c>
      <c r="BE32" s="531" t="s">
        <v>179</v>
      </c>
      <c r="BF32" s="529">
        <v>1</v>
      </c>
      <c r="BG32" s="529">
        <v>93519</v>
      </c>
      <c r="BH32" s="529">
        <v>0</v>
      </c>
      <c r="BI32" s="530">
        <v>0</v>
      </c>
    </row>
    <row r="33" spans="1:77" s="498" customFormat="1" ht="13.5" customHeight="1" x14ac:dyDescent="0.15">
      <c r="A33" s="352">
        <v>27</v>
      </c>
      <c r="B33" s="526" t="s">
        <v>176</v>
      </c>
      <c r="C33" s="516">
        <v>0</v>
      </c>
      <c r="D33" s="516">
        <v>0</v>
      </c>
      <c r="E33" s="516">
        <v>0</v>
      </c>
      <c r="F33" s="516">
        <v>5</v>
      </c>
      <c r="G33" s="516">
        <v>9</v>
      </c>
      <c r="H33" s="516">
        <v>56510</v>
      </c>
      <c r="I33" s="516">
        <v>1</v>
      </c>
      <c r="J33" s="516">
        <v>1</v>
      </c>
      <c r="K33" s="516">
        <v>11620</v>
      </c>
      <c r="L33" s="358">
        <v>6</v>
      </c>
      <c r="M33" s="358">
        <v>10</v>
      </c>
      <c r="N33" s="358">
        <v>68130</v>
      </c>
      <c r="O33" s="516">
        <v>4</v>
      </c>
      <c r="P33" s="516">
        <v>4</v>
      </c>
      <c r="Q33" s="517">
        <v>19510</v>
      </c>
      <c r="R33" s="352">
        <v>27</v>
      </c>
      <c r="S33" s="526" t="s">
        <v>176</v>
      </c>
      <c r="T33" s="516">
        <v>0</v>
      </c>
      <c r="U33" s="516">
        <v>0</v>
      </c>
      <c r="V33" s="516">
        <v>0</v>
      </c>
      <c r="W33" s="516">
        <v>0</v>
      </c>
      <c r="X33" s="516">
        <v>0</v>
      </c>
      <c r="Y33" s="516">
        <v>0</v>
      </c>
      <c r="Z33" s="358">
        <v>10</v>
      </c>
      <c r="AA33" s="358">
        <v>87640</v>
      </c>
      <c r="AB33" s="516">
        <v>0</v>
      </c>
      <c r="AC33" s="516">
        <v>0</v>
      </c>
      <c r="AD33" s="516">
        <v>0</v>
      </c>
      <c r="AE33" s="516">
        <v>0</v>
      </c>
      <c r="AF33" s="516">
        <v>0</v>
      </c>
      <c r="AG33" s="516">
        <v>0</v>
      </c>
      <c r="AH33" s="516">
        <v>0</v>
      </c>
      <c r="AI33" s="516">
        <v>0</v>
      </c>
      <c r="AJ33" s="517">
        <v>0</v>
      </c>
      <c r="AK33" s="532">
        <v>27</v>
      </c>
      <c r="AL33" s="527" t="s">
        <v>176</v>
      </c>
      <c r="AM33" s="516">
        <v>0</v>
      </c>
      <c r="AN33" s="516">
        <v>0</v>
      </c>
      <c r="AO33" s="516">
        <v>0</v>
      </c>
      <c r="AP33" s="516">
        <v>0</v>
      </c>
      <c r="AQ33" s="524">
        <v>0</v>
      </c>
      <c r="AR33" s="516">
        <v>0</v>
      </c>
      <c r="AS33" s="516">
        <v>0</v>
      </c>
      <c r="AT33" s="516">
        <v>0</v>
      </c>
      <c r="AU33" s="524">
        <v>0</v>
      </c>
      <c r="AV33" s="516">
        <v>0</v>
      </c>
      <c r="AW33" s="364">
        <v>10</v>
      </c>
      <c r="AX33" s="366">
        <v>87640</v>
      </c>
      <c r="AY33" s="521">
        <v>1</v>
      </c>
      <c r="AZ33" s="522" t="s">
        <v>372</v>
      </c>
      <c r="BA33" s="528">
        <v>61348</v>
      </c>
      <c r="BB33" s="529">
        <v>26292</v>
      </c>
      <c r="BC33" s="530">
        <v>0</v>
      </c>
      <c r="BD33" s="385">
        <v>27</v>
      </c>
      <c r="BE33" s="531" t="s">
        <v>176</v>
      </c>
      <c r="BF33" s="529">
        <v>0</v>
      </c>
      <c r="BG33" s="529">
        <v>0</v>
      </c>
      <c r="BH33" s="529">
        <v>0</v>
      </c>
      <c r="BI33" s="530">
        <v>0</v>
      </c>
    </row>
    <row r="34" spans="1:77" s="498" customFormat="1" ht="13.5" customHeight="1" x14ac:dyDescent="0.15">
      <c r="A34" s="352">
        <v>28</v>
      </c>
      <c r="B34" s="526" t="s">
        <v>174</v>
      </c>
      <c r="C34" s="516">
        <v>12</v>
      </c>
      <c r="D34" s="516">
        <v>256</v>
      </c>
      <c r="E34" s="516">
        <v>6230120</v>
      </c>
      <c r="F34" s="516">
        <v>96</v>
      </c>
      <c r="G34" s="516">
        <v>173</v>
      </c>
      <c r="H34" s="516">
        <v>3116790</v>
      </c>
      <c r="I34" s="516">
        <v>25</v>
      </c>
      <c r="J34" s="516">
        <v>44</v>
      </c>
      <c r="K34" s="516">
        <v>276270</v>
      </c>
      <c r="L34" s="358">
        <v>133</v>
      </c>
      <c r="M34" s="358">
        <v>473</v>
      </c>
      <c r="N34" s="358">
        <v>9623180</v>
      </c>
      <c r="O34" s="516">
        <v>67</v>
      </c>
      <c r="P34" s="516">
        <v>81</v>
      </c>
      <c r="Q34" s="517">
        <v>705180</v>
      </c>
      <c r="R34" s="352">
        <v>28</v>
      </c>
      <c r="S34" s="526" t="s">
        <v>174</v>
      </c>
      <c r="T34" s="516">
        <v>12</v>
      </c>
      <c r="U34" s="516">
        <v>746</v>
      </c>
      <c r="V34" s="516">
        <v>483840</v>
      </c>
      <c r="W34" s="516">
        <v>5</v>
      </c>
      <c r="X34" s="516">
        <v>71</v>
      </c>
      <c r="Y34" s="516">
        <v>678250</v>
      </c>
      <c r="Z34" s="358">
        <v>205</v>
      </c>
      <c r="AA34" s="358">
        <v>11490450</v>
      </c>
      <c r="AB34" s="516">
        <v>0</v>
      </c>
      <c r="AC34" s="516">
        <v>0</v>
      </c>
      <c r="AD34" s="516">
        <v>0</v>
      </c>
      <c r="AE34" s="516">
        <v>0</v>
      </c>
      <c r="AF34" s="516">
        <v>0</v>
      </c>
      <c r="AG34" s="516">
        <v>9</v>
      </c>
      <c r="AH34" s="516">
        <v>70065</v>
      </c>
      <c r="AI34" s="516">
        <v>0</v>
      </c>
      <c r="AJ34" s="517">
        <v>0</v>
      </c>
      <c r="AK34" s="518">
        <v>28</v>
      </c>
      <c r="AL34" s="527" t="s">
        <v>174</v>
      </c>
      <c r="AM34" s="516">
        <v>0</v>
      </c>
      <c r="AN34" s="516">
        <v>0</v>
      </c>
      <c r="AO34" s="516">
        <v>0</v>
      </c>
      <c r="AP34" s="516">
        <v>0</v>
      </c>
      <c r="AQ34" s="524">
        <v>9</v>
      </c>
      <c r="AR34" s="516">
        <v>70065</v>
      </c>
      <c r="AS34" s="516">
        <v>0</v>
      </c>
      <c r="AT34" s="516">
        <v>0</v>
      </c>
      <c r="AU34" s="524">
        <v>0</v>
      </c>
      <c r="AV34" s="516">
        <v>0</v>
      </c>
      <c r="AW34" s="364">
        <v>214</v>
      </c>
      <c r="AX34" s="366">
        <v>11560515</v>
      </c>
      <c r="AY34" s="521">
        <v>1</v>
      </c>
      <c r="AZ34" s="522" t="s">
        <v>372</v>
      </c>
      <c r="BA34" s="528">
        <v>7894352</v>
      </c>
      <c r="BB34" s="529">
        <v>3014637</v>
      </c>
      <c r="BC34" s="530">
        <v>651526</v>
      </c>
      <c r="BD34" s="385">
        <v>28</v>
      </c>
      <c r="BE34" s="531" t="s">
        <v>174</v>
      </c>
      <c r="BF34" s="529">
        <v>22</v>
      </c>
      <c r="BG34" s="529">
        <v>1989466</v>
      </c>
      <c r="BH34" s="529">
        <v>0</v>
      </c>
      <c r="BI34" s="530">
        <v>0</v>
      </c>
    </row>
    <row r="35" spans="1:77" s="498" customFormat="1" ht="13.5" customHeight="1" x14ac:dyDescent="0.15">
      <c r="A35" s="352">
        <v>29</v>
      </c>
      <c r="B35" s="526" t="s">
        <v>172</v>
      </c>
      <c r="C35" s="516">
        <v>0</v>
      </c>
      <c r="D35" s="516">
        <v>0</v>
      </c>
      <c r="E35" s="516">
        <v>0</v>
      </c>
      <c r="F35" s="516">
        <v>13</v>
      </c>
      <c r="G35" s="516">
        <v>15</v>
      </c>
      <c r="H35" s="516">
        <v>176420</v>
      </c>
      <c r="I35" s="516">
        <v>4</v>
      </c>
      <c r="J35" s="516">
        <v>4</v>
      </c>
      <c r="K35" s="516">
        <v>42170</v>
      </c>
      <c r="L35" s="358">
        <v>17</v>
      </c>
      <c r="M35" s="358">
        <v>19</v>
      </c>
      <c r="N35" s="358">
        <v>218590</v>
      </c>
      <c r="O35" s="516">
        <v>8</v>
      </c>
      <c r="P35" s="516">
        <v>8</v>
      </c>
      <c r="Q35" s="517">
        <v>38320</v>
      </c>
      <c r="R35" s="352">
        <v>29</v>
      </c>
      <c r="S35" s="526" t="s">
        <v>172</v>
      </c>
      <c r="T35" s="516">
        <v>0</v>
      </c>
      <c r="U35" s="516">
        <v>0</v>
      </c>
      <c r="V35" s="516">
        <v>0</v>
      </c>
      <c r="W35" s="516">
        <v>0</v>
      </c>
      <c r="X35" s="516">
        <v>0</v>
      </c>
      <c r="Y35" s="516">
        <v>0</v>
      </c>
      <c r="Z35" s="358">
        <v>25</v>
      </c>
      <c r="AA35" s="358">
        <v>256910</v>
      </c>
      <c r="AB35" s="516">
        <v>0</v>
      </c>
      <c r="AC35" s="516">
        <v>0</v>
      </c>
      <c r="AD35" s="516">
        <v>0</v>
      </c>
      <c r="AE35" s="516">
        <v>0</v>
      </c>
      <c r="AF35" s="516">
        <v>0</v>
      </c>
      <c r="AG35" s="516">
        <v>0</v>
      </c>
      <c r="AH35" s="516">
        <v>0</v>
      </c>
      <c r="AI35" s="516">
        <v>0</v>
      </c>
      <c r="AJ35" s="517">
        <v>0</v>
      </c>
      <c r="AK35" s="518">
        <v>29</v>
      </c>
      <c r="AL35" s="527" t="s">
        <v>172</v>
      </c>
      <c r="AM35" s="516">
        <v>0</v>
      </c>
      <c r="AN35" s="516">
        <v>0</v>
      </c>
      <c r="AO35" s="516">
        <v>0</v>
      </c>
      <c r="AP35" s="516">
        <v>0</v>
      </c>
      <c r="AQ35" s="524">
        <v>0</v>
      </c>
      <c r="AR35" s="516">
        <v>0</v>
      </c>
      <c r="AS35" s="516">
        <v>0</v>
      </c>
      <c r="AT35" s="516">
        <v>0</v>
      </c>
      <c r="AU35" s="524">
        <v>0</v>
      </c>
      <c r="AV35" s="516">
        <v>0</v>
      </c>
      <c r="AW35" s="364">
        <v>25</v>
      </c>
      <c r="AX35" s="366">
        <v>256910</v>
      </c>
      <c r="AY35" s="521">
        <v>1</v>
      </c>
      <c r="AZ35" s="522" t="s">
        <v>372</v>
      </c>
      <c r="BA35" s="528">
        <v>179837</v>
      </c>
      <c r="BB35" s="529">
        <v>69564</v>
      </c>
      <c r="BC35" s="530">
        <v>7509</v>
      </c>
      <c r="BD35" s="352">
        <v>29</v>
      </c>
      <c r="BE35" s="531" t="s">
        <v>172</v>
      </c>
      <c r="BF35" s="529">
        <v>0</v>
      </c>
      <c r="BG35" s="529">
        <v>0</v>
      </c>
      <c r="BH35" s="529">
        <v>0</v>
      </c>
      <c r="BI35" s="530">
        <v>0</v>
      </c>
    </row>
    <row r="36" spans="1:77" s="498" customFormat="1" ht="13.5" customHeight="1" x14ac:dyDescent="0.15">
      <c r="A36" s="352">
        <v>30</v>
      </c>
      <c r="B36" s="526" t="s">
        <v>170</v>
      </c>
      <c r="C36" s="516">
        <v>0</v>
      </c>
      <c r="D36" s="516">
        <v>0</v>
      </c>
      <c r="E36" s="516">
        <v>-700</v>
      </c>
      <c r="F36" s="516">
        <v>1</v>
      </c>
      <c r="G36" s="516">
        <v>2</v>
      </c>
      <c r="H36" s="516">
        <v>2820</v>
      </c>
      <c r="I36" s="516">
        <v>0</v>
      </c>
      <c r="J36" s="516">
        <v>0</v>
      </c>
      <c r="K36" s="516">
        <v>0</v>
      </c>
      <c r="L36" s="358">
        <v>1</v>
      </c>
      <c r="M36" s="358">
        <v>2</v>
      </c>
      <c r="N36" s="358">
        <v>2120</v>
      </c>
      <c r="O36" s="516">
        <v>0</v>
      </c>
      <c r="P36" s="516">
        <v>0</v>
      </c>
      <c r="Q36" s="517">
        <v>0</v>
      </c>
      <c r="R36" s="352">
        <v>30</v>
      </c>
      <c r="S36" s="526" t="s">
        <v>170</v>
      </c>
      <c r="T36" s="516">
        <v>0</v>
      </c>
      <c r="U36" s="516">
        <v>0</v>
      </c>
      <c r="V36" s="516">
        <v>0</v>
      </c>
      <c r="W36" s="516">
        <v>0</v>
      </c>
      <c r="X36" s="516">
        <v>0</v>
      </c>
      <c r="Y36" s="516">
        <v>0</v>
      </c>
      <c r="Z36" s="358">
        <v>1</v>
      </c>
      <c r="AA36" s="358">
        <v>2120</v>
      </c>
      <c r="AB36" s="516">
        <v>0</v>
      </c>
      <c r="AC36" s="516">
        <v>0</v>
      </c>
      <c r="AD36" s="516">
        <v>0</v>
      </c>
      <c r="AE36" s="516">
        <v>0</v>
      </c>
      <c r="AF36" s="516">
        <v>0</v>
      </c>
      <c r="AG36" s="516">
        <v>0</v>
      </c>
      <c r="AH36" s="516">
        <v>0</v>
      </c>
      <c r="AI36" s="516">
        <v>0</v>
      </c>
      <c r="AJ36" s="517">
        <v>0</v>
      </c>
      <c r="AK36" s="518">
        <v>30</v>
      </c>
      <c r="AL36" s="527" t="s">
        <v>170</v>
      </c>
      <c r="AM36" s="516">
        <v>0</v>
      </c>
      <c r="AN36" s="516">
        <v>0</v>
      </c>
      <c r="AO36" s="516">
        <v>0</v>
      </c>
      <c r="AP36" s="516">
        <v>0</v>
      </c>
      <c r="AQ36" s="524">
        <v>0</v>
      </c>
      <c r="AR36" s="516">
        <v>0</v>
      </c>
      <c r="AS36" s="516">
        <v>0</v>
      </c>
      <c r="AT36" s="516">
        <v>0</v>
      </c>
      <c r="AU36" s="524">
        <v>0</v>
      </c>
      <c r="AV36" s="516">
        <v>0</v>
      </c>
      <c r="AW36" s="364">
        <v>1</v>
      </c>
      <c r="AX36" s="366">
        <v>2120</v>
      </c>
      <c r="AY36" s="521">
        <v>1</v>
      </c>
      <c r="AZ36" s="522" t="s">
        <v>372</v>
      </c>
      <c r="BA36" s="528">
        <v>1484</v>
      </c>
      <c r="BB36" s="529">
        <v>636</v>
      </c>
      <c r="BC36" s="530">
        <v>0</v>
      </c>
      <c r="BD36" s="352">
        <v>30</v>
      </c>
      <c r="BE36" s="531" t="s">
        <v>170</v>
      </c>
      <c r="BF36" s="529">
        <v>0</v>
      </c>
      <c r="BG36" s="529">
        <v>0</v>
      </c>
      <c r="BH36" s="529">
        <v>0</v>
      </c>
      <c r="BI36" s="530">
        <v>0</v>
      </c>
    </row>
    <row r="37" spans="1:77" s="498" customFormat="1" ht="13.5" customHeight="1" x14ac:dyDescent="0.15">
      <c r="A37" s="352">
        <v>31</v>
      </c>
      <c r="B37" s="526" t="s">
        <v>168</v>
      </c>
      <c r="C37" s="516">
        <v>1</v>
      </c>
      <c r="D37" s="516">
        <v>1</v>
      </c>
      <c r="E37" s="516">
        <v>4770</v>
      </c>
      <c r="F37" s="516">
        <v>61</v>
      </c>
      <c r="G37" s="516">
        <v>67</v>
      </c>
      <c r="H37" s="516">
        <v>428140</v>
      </c>
      <c r="I37" s="516">
        <v>8</v>
      </c>
      <c r="J37" s="516">
        <v>11</v>
      </c>
      <c r="K37" s="516">
        <v>106800</v>
      </c>
      <c r="L37" s="358">
        <v>70</v>
      </c>
      <c r="M37" s="358">
        <v>79</v>
      </c>
      <c r="N37" s="358">
        <v>539710</v>
      </c>
      <c r="O37" s="516">
        <v>60</v>
      </c>
      <c r="P37" s="516">
        <v>62</v>
      </c>
      <c r="Q37" s="517">
        <v>538230</v>
      </c>
      <c r="R37" s="352">
        <v>31</v>
      </c>
      <c r="S37" s="526" t="s">
        <v>168</v>
      </c>
      <c r="T37" s="516">
        <v>0</v>
      </c>
      <c r="U37" s="516">
        <v>0</v>
      </c>
      <c r="V37" s="516">
        <v>0</v>
      </c>
      <c r="W37" s="516">
        <v>0</v>
      </c>
      <c r="X37" s="516">
        <v>0</v>
      </c>
      <c r="Y37" s="516">
        <v>0</v>
      </c>
      <c r="Z37" s="358">
        <v>130</v>
      </c>
      <c r="AA37" s="358">
        <v>1077940</v>
      </c>
      <c r="AB37" s="516">
        <v>0</v>
      </c>
      <c r="AC37" s="516">
        <v>0</v>
      </c>
      <c r="AD37" s="516">
        <v>0</v>
      </c>
      <c r="AE37" s="516">
        <v>0</v>
      </c>
      <c r="AF37" s="516">
        <v>0</v>
      </c>
      <c r="AG37" s="516">
        <v>3</v>
      </c>
      <c r="AH37" s="516">
        <v>20495</v>
      </c>
      <c r="AI37" s="516">
        <v>0</v>
      </c>
      <c r="AJ37" s="517">
        <v>0</v>
      </c>
      <c r="AK37" s="518">
        <v>31</v>
      </c>
      <c r="AL37" s="527" t="s">
        <v>168</v>
      </c>
      <c r="AM37" s="516">
        <v>0</v>
      </c>
      <c r="AN37" s="516">
        <v>0</v>
      </c>
      <c r="AO37" s="516">
        <v>0</v>
      </c>
      <c r="AP37" s="516">
        <v>0</v>
      </c>
      <c r="AQ37" s="524">
        <v>3</v>
      </c>
      <c r="AR37" s="516">
        <v>20495</v>
      </c>
      <c r="AS37" s="516">
        <v>0</v>
      </c>
      <c r="AT37" s="516">
        <v>0</v>
      </c>
      <c r="AU37" s="524">
        <v>0</v>
      </c>
      <c r="AV37" s="516">
        <v>0</v>
      </c>
      <c r="AW37" s="364">
        <v>133</v>
      </c>
      <c r="AX37" s="366">
        <v>1098435</v>
      </c>
      <c r="AY37" s="521">
        <v>1</v>
      </c>
      <c r="AZ37" s="522" t="s">
        <v>372</v>
      </c>
      <c r="BA37" s="528">
        <v>768904</v>
      </c>
      <c r="BB37" s="529">
        <v>329531</v>
      </c>
      <c r="BC37" s="530">
        <v>0</v>
      </c>
      <c r="BD37" s="352">
        <v>31</v>
      </c>
      <c r="BE37" s="531" t="s">
        <v>168</v>
      </c>
      <c r="BF37" s="529">
        <v>2</v>
      </c>
      <c r="BG37" s="529">
        <v>74348</v>
      </c>
      <c r="BH37" s="529">
        <v>0</v>
      </c>
      <c r="BI37" s="530">
        <v>0</v>
      </c>
    </row>
    <row r="38" spans="1:77" s="498" customFormat="1" ht="13.5" customHeight="1" x14ac:dyDescent="0.15">
      <c r="A38" s="352">
        <v>32</v>
      </c>
      <c r="B38" s="526" t="s">
        <v>165</v>
      </c>
      <c r="C38" s="516">
        <v>0</v>
      </c>
      <c r="D38" s="516">
        <v>0</v>
      </c>
      <c r="E38" s="516">
        <v>0</v>
      </c>
      <c r="F38" s="516">
        <v>51</v>
      </c>
      <c r="G38" s="516">
        <v>72</v>
      </c>
      <c r="H38" s="516">
        <v>322730</v>
      </c>
      <c r="I38" s="516">
        <v>3</v>
      </c>
      <c r="J38" s="516">
        <v>6</v>
      </c>
      <c r="K38" s="516">
        <v>42560</v>
      </c>
      <c r="L38" s="358">
        <v>54</v>
      </c>
      <c r="M38" s="358">
        <v>78</v>
      </c>
      <c r="N38" s="358">
        <v>365290</v>
      </c>
      <c r="O38" s="516">
        <v>43</v>
      </c>
      <c r="P38" s="516">
        <v>51</v>
      </c>
      <c r="Q38" s="517">
        <v>535770</v>
      </c>
      <c r="R38" s="352">
        <v>32</v>
      </c>
      <c r="S38" s="526" t="s">
        <v>165</v>
      </c>
      <c r="T38" s="516">
        <v>0</v>
      </c>
      <c r="U38" s="516">
        <v>80</v>
      </c>
      <c r="V38" s="516">
        <v>0</v>
      </c>
      <c r="W38" s="516">
        <v>0</v>
      </c>
      <c r="X38" s="516">
        <v>0</v>
      </c>
      <c r="Y38" s="516">
        <v>0</v>
      </c>
      <c r="Z38" s="358">
        <v>97</v>
      </c>
      <c r="AA38" s="358">
        <v>901060</v>
      </c>
      <c r="AB38" s="516">
        <v>0</v>
      </c>
      <c r="AC38" s="516">
        <v>0</v>
      </c>
      <c r="AD38" s="516">
        <v>0</v>
      </c>
      <c r="AE38" s="516">
        <v>0</v>
      </c>
      <c r="AF38" s="516">
        <v>0</v>
      </c>
      <c r="AG38" s="516">
        <v>7</v>
      </c>
      <c r="AH38" s="516">
        <v>36695</v>
      </c>
      <c r="AI38" s="516">
        <v>0</v>
      </c>
      <c r="AJ38" s="517">
        <v>0</v>
      </c>
      <c r="AK38" s="518">
        <v>32</v>
      </c>
      <c r="AL38" s="527" t="s">
        <v>165</v>
      </c>
      <c r="AM38" s="516">
        <v>0</v>
      </c>
      <c r="AN38" s="516">
        <v>0</v>
      </c>
      <c r="AO38" s="516">
        <v>0</v>
      </c>
      <c r="AP38" s="516">
        <v>0</v>
      </c>
      <c r="AQ38" s="524">
        <v>7</v>
      </c>
      <c r="AR38" s="516">
        <v>36695</v>
      </c>
      <c r="AS38" s="516">
        <v>0</v>
      </c>
      <c r="AT38" s="516">
        <v>0</v>
      </c>
      <c r="AU38" s="524">
        <v>0</v>
      </c>
      <c r="AV38" s="516">
        <v>0</v>
      </c>
      <c r="AW38" s="364">
        <v>104</v>
      </c>
      <c r="AX38" s="366">
        <v>937755</v>
      </c>
      <c r="AY38" s="521">
        <v>1</v>
      </c>
      <c r="AZ38" s="522" t="s">
        <v>372</v>
      </c>
      <c r="BA38" s="528">
        <v>656427</v>
      </c>
      <c r="BB38" s="529">
        <v>237431</v>
      </c>
      <c r="BC38" s="530">
        <v>43897</v>
      </c>
      <c r="BD38" s="352">
        <v>32</v>
      </c>
      <c r="BE38" s="531" t="s">
        <v>165</v>
      </c>
      <c r="BF38" s="529">
        <v>1</v>
      </c>
      <c r="BG38" s="529">
        <v>234856</v>
      </c>
      <c r="BH38" s="529">
        <v>0</v>
      </c>
      <c r="BI38" s="530">
        <v>0</v>
      </c>
    </row>
    <row r="39" spans="1:77" s="498" customFormat="1" ht="13.5" customHeight="1" thickBot="1" x14ac:dyDescent="0.2">
      <c r="A39" s="352">
        <v>33</v>
      </c>
      <c r="B39" s="526" t="s">
        <v>162</v>
      </c>
      <c r="C39" s="516">
        <v>0</v>
      </c>
      <c r="D39" s="516">
        <v>0</v>
      </c>
      <c r="E39" s="516">
        <v>0</v>
      </c>
      <c r="F39" s="516">
        <v>0</v>
      </c>
      <c r="G39" s="516">
        <v>0</v>
      </c>
      <c r="H39" s="516">
        <v>0</v>
      </c>
      <c r="I39" s="516">
        <v>0</v>
      </c>
      <c r="J39" s="516">
        <v>0</v>
      </c>
      <c r="K39" s="516">
        <v>0</v>
      </c>
      <c r="L39" s="358">
        <v>0</v>
      </c>
      <c r="M39" s="358">
        <v>0</v>
      </c>
      <c r="N39" s="358">
        <v>0</v>
      </c>
      <c r="O39" s="516">
        <v>0</v>
      </c>
      <c r="P39" s="516">
        <v>0</v>
      </c>
      <c r="Q39" s="517">
        <v>0</v>
      </c>
      <c r="R39" s="352">
        <v>33</v>
      </c>
      <c r="S39" s="526" t="s">
        <v>162</v>
      </c>
      <c r="T39" s="516">
        <v>0</v>
      </c>
      <c r="U39" s="516">
        <v>0</v>
      </c>
      <c r="V39" s="516">
        <v>0</v>
      </c>
      <c r="W39" s="516">
        <v>0</v>
      </c>
      <c r="X39" s="516">
        <v>0</v>
      </c>
      <c r="Y39" s="516">
        <v>0</v>
      </c>
      <c r="Z39" s="358">
        <v>0</v>
      </c>
      <c r="AA39" s="358">
        <v>0</v>
      </c>
      <c r="AB39" s="516">
        <v>0</v>
      </c>
      <c r="AC39" s="516">
        <v>0</v>
      </c>
      <c r="AD39" s="516">
        <v>0</v>
      </c>
      <c r="AE39" s="516">
        <v>0</v>
      </c>
      <c r="AF39" s="516">
        <v>0</v>
      </c>
      <c r="AG39" s="516">
        <v>0</v>
      </c>
      <c r="AH39" s="516">
        <v>0</v>
      </c>
      <c r="AI39" s="516">
        <v>0</v>
      </c>
      <c r="AJ39" s="517">
        <v>0</v>
      </c>
      <c r="AK39" s="518">
        <v>33</v>
      </c>
      <c r="AL39" s="545" t="s">
        <v>162</v>
      </c>
      <c r="AM39" s="516">
        <v>0</v>
      </c>
      <c r="AN39" s="516">
        <v>0</v>
      </c>
      <c r="AO39" s="516">
        <v>0</v>
      </c>
      <c r="AP39" s="516">
        <v>0</v>
      </c>
      <c r="AQ39" s="524">
        <v>0</v>
      </c>
      <c r="AR39" s="516">
        <v>0</v>
      </c>
      <c r="AS39" s="516">
        <v>0</v>
      </c>
      <c r="AT39" s="516">
        <v>0</v>
      </c>
      <c r="AU39" s="524">
        <v>0</v>
      </c>
      <c r="AV39" s="516">
        <v>0</v>
      </c>
      <c r="AW39" s="364">
        <v>0</v>
      </c>
      <c r="AX39" s="397">
        <v>0</v>
      </c>
      <c r="AY39" s="521">
        <v>1</v>
      </c>
      <c r="AZ39" s="522" t="s">
        <v>372</v>
      </c>
      <c r="BA39" s="528">
        <v>0</v>
      </c>
      <c r="BB39" s="529">
        <v>0</v>
      </c>
      <c r="BC39" s="530">
        <v>0</v>
      </c>
      <c r="BD39" s="352">
        <v>33</v>
      </c>
      <c r="BE39" s="531" t="s">
        <v>162</v>
      </c>
      <c r="BF39" s="529">
        <v>0</v>
      </c>
      <c r="BG39" s="529">
        <v>0</v>
      </c>
      <c r="BH39" s="529">
        <v>0</v>
      </c>
      <c r="BI39" s="530">
        <v>0</v>
      </c>
    </row>
    <row r="40" spans="1:77" s="498" customFormat="1" ht="13.5" customHeight="1" thickTop="1" thickBot="1" x14ac:dyDescent="0.2">
      <c r="A40" s="994" t="s">
        <v>316</v>
      </c>
      <c r="B40" s="996"/>
      <c r="C40" s="444">
        <v>232</v>
      </c>
      <c r="D40" s="444">
        <v>3891</v>
      </c>
      <c r="E40" s="444">
        <v>156783041</v>
      </c>
      <c r="F40" s="444">
        <v>11399</v>
      </c>
      <c r="G40" s="444">
        <v>17492</v>
      </c>
      <c r="H40" s="444">
        <v>183473268</v>
      </c>
      <c r="I40" s="444">
        <v>3073</v>
      </c>
      <c r="J40" s="444">
        <v>5404</v>
      </c>
      <c r="K40" s="444">
        <v>37735820</v>
      </c>
      <c r="L40" s="444">
        <v>14704</v>
      </c>
      <c r="M40" s="444">
        <v>26787</v>
      </c>
      <c r="N40" s="444">
        <v>377992129</v>
      </c>
      <c r="O40" s="444">
        <v>8273</v>
      </c>
      <c r="P40" s="444">
        <v>9755</v>
      </c>
      <c r="Q40" s="445">
        <v>90662643</v>
      </c>
      <c r="R40" s="994" t="s">
        <v>316</v>
      </c>
      <c r="S40" s="996"/>
      <c r="T40" s="444">
        <v>218</v>
      </c>
      <c r="U40" s="444">
        <v>10305</v>
      </c>
      <c r="V40" s="444">
        <v>6628582</v>
      </c>
      <c r="W40" s="444">
        <v>105</v>
      </c>
      <c r="X40" s="444">
        <v>763</v>
      </c>
      <c r="Y40" s="444">
        <v>10804620</v>
      </c>
      <c r="Z40" s="444">
        <v>23082</v>
      </c>
      <c r="AA40" s="444">
        <v>486087974</v>
      </c>
      <c r="AB40" s="444">
        <v>1</v>
      </c>
      <c r="AC40" s="444">
        <v>8</v>
      </c>
      <c r="AD40" s="444">
        <v>45750</v>
      </c>
      <c r="AE40" s="444">
        <v>13</v>
      </c>
      <c r="AF40" s="444">
        <v>365442</v>
      </c>
      <c r="AG40" s="444">
        <v>629</v>
      </c>
      <c r="AH40" s="444">
        <v>5203981</v>
      </c>
      <c r="AI40" s="444">
        <v>63</v>
      </c>
      <c r="AJ40" s="445">
        <v>2175617</v>
      </c>
      <c r="AK40" s="1010" t="s">
        <v>316</v>
      </c>
      <c r="AL40" s="1011"/>
      <c r="AM40" s="444">
        <v>49</v>
      </c>
      <c r="AN40" s="444">
        <v>867640</v>
      </c>
      <c r="AO40" s="444">
        <v>0</v>
      </c>
      <c r="AP40" s="444">
        <v>0</v>
      </c>
      <c r="AQ40" s="444">
        <v>762</v>
      </c>
      <c r="AR40" s="444">
        <v>8658430</v>
      </c>
      <c r="AS40" s="444">
        <v>11</v>
      </c>
      <c r="AT40" s="444">
        <v>47410</v>
      </c>
      <c r="AU40" s="444">
        <v>0</v>
      </c>
      <c r="AV40" s="444">
        <v>0</v>
      </c>
      <c r="AW40" s="444">
        <v>23845</v>
      </c>
      <c r="AX40" s="546">
        <v>494746404</v>
      </c>
      <c r="AY40" s="444">
        <v>33</v>
      </c>
      <c r="AZ40" s="444">
        <v>0</v>
      </c>
      <c r="BA40" s="444">
        <v>345194113</v>
      </c>
      <c r="BB40" s="444">
        <v>135159839</v>
      </c>
      <c r="BC40" s="445">
        <v>14392452</v>
      </c>
      <c r="BD40" s="994" t="s">
        <v>316</v>
      </c>
      <c r="BE40" s="995"/>
      <c r="BF40" s="547">
        <v>767</v>
      </c>
      <c r="BG40" s="547">
        <v>72758025</v>
      </c>
      <c r="BH40" s="547">
        <v>9</v>
      </c>
      <c r="BI40" s="445">
        <v>282101</v>
      </c>
    </row>
    <row r="41" spans="1:77" s="493" customFormat="1" ht="13.5" customHeight="1" thickTop="1" x14ac:dyDescent="0.15">
      <c r="A41" s="352">
        <v>301</v>
      </c>
      <c r="B41" s="449" t="s">
        <v>373</v>
      </c>
      <c r="C41" s="548" t="s">
        <v>374</v>
      </c>
      <c r="D41" s="548" t="s">
        <v>375</v>
      </c>
      <c r="E41" s="548" t="s">
        <v>374</v>
      </c>
      <c r="F41" s="548" t="s">
        <v>375</v>
      </c>
      <c r="G41" s="548" t="s">
        <v>375</v>
      </c>
      <c r="H41" s="548" t="s">
        <v>375</v>
      </c>
      <c r="I41" s="548" t="s">
        <v>375</v>
      </c>
      <c r="J41" s="548" t="s">
        <v>375</v>
      </c>
      <c r="K41" s="548" t="s">
        <v>374</v>
      </c>
      <c r="L41" s="548" t="s">
        <v>374</v>
      </c>
      <c r="M41" s="548" t="s">
        <v>376</v>
      </c>
      <c r="N41" s="548" t="s">
        <v>375</v>
      </c>
      <c r="O41" s="548" t="s">
        <v>375</v>
      </c>
      <c r="P41" s="548" t="s">
        <v>374</v>
      </c>
      <c r="Q41" s="549" t="s">
        <v>374</v>
      </c>
      <c r="R41" s="352">
        <v>301</v>
      </c>
      <c r="S41" s="449" t="s">
        <v>317</v>
      </c>
      <c r="T41" s="548" t="s">
        <v>374</v>
      </c>
      <c r="U41" s="548" t="s">
        <v>376</v>
      </c>
      <c r="V41" s="548" t="s">
        <v>374</v>
      </c>
      <c r="W41" s="548" t="s">
        <v>374</v>
      </c>
      <c r="X41" s="548" t="s">
        <v>374</v>
      </c>
      <c r="Y41" s="548" t="s">
        <v>374</v>
      </c>
      <c r="Z41" s="548" t="s">
        <v>376</v>
      </c>
      <c r="AA41" s="548" t="s">
        <v>375</v>
      </c>
      <c r="AB41" s="548" t="s">
        <v>374</v>
      </c>
      <c r="AC41" s="548" t="s">
        <v>374</v>
      </c>
      <c r="AD41" s="548" t="s">
        <v>374</v>
      </c>
      <c r="AE41" s="548" t="s">
        <v>377</v>
      </c>
      <c r="AF41" s="548" t="s">
        <v>377</v>
      </c>
      <c r="AG41" s="548" t="s">
        <v>377</v>
      </c>
      <c r="AH41" s="548" t="s">
        <v>377</v>
      </c>
      <c r="AI41" s="548" t="s">
        <v>377</v>
      </c>
      <c r="AJ41" s="549" t="s">
        <v>377</v>
      </c>
      <c r="AK41" s="518">
        <v>301</v>
      </c>
      <c r="AL41" s="550" t="s">
        <v>373</v>
      </c>
      <c r="AM41" s="548" t="s">
        <v>377</v>
      </c>
      <c r="AN41" s="548" t="s">
        <v>377</v>
      </c>
      <c r="AO41" s="548" t="s">
        <v>377</v>
      </c>
      <c r="AP41" s="548" t="s">
        <v>377</v>
      </c>
      <c r="AQ41" s="551" t="s">
        <v>377</v>
      </c>
      <c r="AR41" s="548" t="s">
        <v>377</v>
      </c>
      <c r="AS41" s="548" t="s">
        <v>377</v>
      </c>
      <c r="AT41" s="548" t="s">
        <v>377</v>
      </c>
      <c r="AU41" s="551" t="s">
        <v>377</v>
      </c>
      <c r="AV41" s="548" t="s">
        <v>377</v>
      </c>
      <c r="AW41" s="548" t="s">
        <v>375</v>
      </c>
      <c r="AX41" s="551" t="s">
        <v>375</v>
      </c>
      <c r="AY41" s="552" t="s">
        <v>375</v>
      </c>
      <c r="AZ41" s="548" t="s">
        <v>374</v>
      </c>
      <c r="BA41" s="553" t="s">
        <v>374</v>
      </c>
      <c r="BB41" s="551" t="s">
        <v>374</v>
      </c>
      <c r="BC41" s="549" t="s">
        <v>374</v>
      </c>
      <c r="BD41" s="352">
        <v>301</v>
      </c>
      <c r="BE41" s="554" t="s">
        <v>378</v>
      </c>
      <c r="BF41" s="551" t="s">
        <v>375</v>
      </c>
      <c r="BG41" s="551" t="s">
        <v>376</v>
      </c>
      <c r="BH41" s="551" t="s">
        <v>376</v>
      </c>
      <c r="BI41" s="549" t="s">
        <v>376</v>
      </c>
    </row>
    <row r="42" spans="1:77" s="493" customFormat="1" ht="13.5" customHeight="1" x14ac:dyDescent="0.15">
      <c r="A42" s="352">
        <v>302</v>
      </c>
      <c r="B42" s="454" t="s">
        <v>379</v>
      </c>
      <c r="C42" s="555" t="s">
        <v>376</v>
      </c>
      <c r="D42" s="555" t="s">
        <v>375</v>
      </c>
      <c r="E42" s="555" t="s">
        <v>375</v>
      </c>
      <c r="F42" s="555" t="s">
        <v>376</v>
      </c>
      <c r="G42" s="555" t="s">
        <v>375</v>
      </c>
      <c r="H42" s="555" t="s">
        <v>375</v>
      </c>
      <c r="I42" s="555" t="s">
        <v>374</v>
      </c>
      <c r="J42" s="555" t="s">
        <v>376</v>
      </c>
      <c r="K42" s="555" t="s">
        <v>376</v>
      </c>
      <c r="L42" s="555" t="s">
        <v>375</v>
      </c>
      <c r="M42" s="555" t="s">
        <v>375</v>
      </c>
      <c r="N42" s="555" t="s">
        <v>376</v>
      </c>
      <c r="O42" s="555" t="s">
        <v>375</v>
      </c>
      <c r="P42" s="555" t="s">
        <v>375</v>
      </c>
      <c r="Q42" s="556" t="s">
        <v>375</v>
      </c>
      <c r="R42" s="352">
        <v>302</v>
      </c>
      <c r="S42" s="454" t="s">
        <v>318</v>
      </c>
      <c r="T42" s="555" t="s">
        <v>375</v>
      </c>
      <c r="U42" s="555" t="s">
        <v>376</v>
      </c>
      <c r="V42" s="555" t="s">
        <v>374</v>
      </c>
      <c r="W42" s="555" t="s">
        <v>376</v>
      </c>
      <c r="X42" s="555" t="s">
        <v>375</v>
      </c>
      <c r="Y42" s="555" t="s">
        <v>375</v>
      </c>
      <c r="Z42" s="555" t="s">
        <v>375</v>
      </c>
      <c r="AA42" s="555" t="s">
        <v>375</v>
      </c>
      <c r="AB42" s="555" t="s">
        <v>374</v>
      </c>
      <c r="AC42" s="555" t="s">
        <v>376</v>
      </c>
      <c r="AD42" s="555" t="s">
        <v>374</v>
      </c>
      <c r="AE42" s="555" t="s">
        <v>377</v>
      </c>
      <c r="AF42" s="555" t="s">
        <v>377</v>
      </c>
      <c r="AG42" s="555" t="s">
        <v>377</v>
      </c>
      <c r="AH42" s="555" t="s">
        <v>377</v>
      </c>
      <c r="AI42" s="555" t="s">
        <v>377</v>
      </c>
      <c r="AJ42" s="556" t="s">
        <v>377</v>
      </c>
      <c r="AK42" s="518">
        <v>302</v>
      </c>
      <c r="AL42" s="557" t="s">
        <v>318</v>
      </c>
      <c r="AM42" s="555" t="s">
        <v>377</v>
      </c>
      <c r="AN42" s="555" t="s">
        <v>377</v>
      </c>
      <c r="AO42" s="555" t="s">
        <v>377</v>
      </c>
      <c r="AP42" s="555" t="s">
        <v>377</v>
      </c>
      <c r="AQ42" s="558" t="s">
        <v>377</v>
      </c>
      <c r="AR42" s="555" t="s">
        <v>377</v>
      </c>
      <c r="AS42" s="555" t="s">
        <v>377</v>
      </c>
      <c r="AT42" s="555" t="s">
        <v>377</v>
      </c>
      <c r="AU42" s="558" t="s">
        <v>377</v>
      </c>
      <c r="AV42" s="555" t="s">
        <v>377</v>
      </c>
      <c r="AW42" s="555" t="s">
        <v>375</v>
      </c>
      <c r="AX42" s="558" t="s">
        <v>375</v>
      </c>
      <c r="AY42" s="559" t="s">
        <v>376</v>
      </c>
      <c r="AZ42" s="555" t="s">
        <v>374</v>
      </c>
      <c r="BA42" s="560" t="s">
        <v>375</v>
      </c>
      <c r="BB42" s="558" t="s">
        <v>375</v>
      </c>
      <c r="BC42" s="556" t="s">
        <v>375</v>
      </c>
      <c r="BD42" s="352">
        <v>302</v>
      </c>
      <c r="BE42" s="561" t="s">
        <v>318</v>
      </c>
      <c r="BF42" s="558" t="s">
        <v>376</v>
      </c>
      <c r="BG42" s="558" t="s">
        <v>376</v>
      </c>
      <c r="BH42" s="558" t="s">
        <v>374</v>
      </c>
      <c r="BI42" s="556" t="s">
        <v>376</v>
      </c>
    </row>
    <row r="43" spans="1:77" s="493" customFormat="1" ht="13.5" customHeight="1" x14ac:dyDescent="0.15">
      <c r="A43" s="352">
        <v>303</v>
      </c>
      <c r="B43" s="454" t="s">
        <v>380</v>
      </c>
      <c r="C43" s="555" t="s">
        <v>376</v>
      </c>
      <c r="D43" s="555" t="s">
        <v>375</v>
      </c>
      <c r="E43" s="555" t="s">
        <v>375</v>
      </c>
      <c r="F43" s="555" t="s">
        <v>374</v>
      </c>
      <c r="G43" s="555" t="s">
        <v>374</v>
      </c>
      <c r="H43" s="555" t="s">
        <v>375</v>
      </c>
      <c r="I43" s="555" t="s">
        <v>374</v>
      </c>
      <c r="J43" s="555" t="s">
        <v>374</v>
      </c>
      <c r="K43" s="555" t="s">
        <v>375</v>
      </c>
      <c r="L43" s="555" t="s">
        <v>376</v>
      </c>
      <c r="M43" s="555" t="s">
        <v>375</v>
      </c>
      <c r="N43" s="555" t="s">
        <v>376</v>
      </c>
      <c r="O43" s="555" t="s">
        <v>375</v>
      </c>
      <c r="P43" s="555" t="s">
        <v>375</v>
      </c>
      <c r="Q43" s="556" t="s">
        <v>375</v>
      </c>
      <c r="R43" s="352">
        <v>303</v>
      </c>
      <c r="S43" s="454" t="s">
        <v>319</v>
      </c>
      <c r="T43" s="555" t="s">
        <v>375</v>
      </c>
      <c r="U43" s="555" t="s">
        <v>375</v>
      </c>
      <c r="V43" s="555" t="s">
        <v>375</v>
      </c>
      <c r="W43" s="555" t="s">
        <v>375</v>
      </c>
      <c r="X43" s="555" t="s">
        <v>375</v>
      </c>
      <c r="Y43" s="555" t="s">
        <v>374</v>
      </c>
      <c r="Z43" s="555" t="s">
        <v>374</v>
      </c>
      <c r="AA43" s="555" t="s">
        <v>376</v>
      </c>
      <c r="AB43" s="555" t="s">
        <v>376</v>
      </c>
      <c r="AC43" s="555" t="s">
        <v>376</v>
      </c>
      <c r="AD43" s="555" t="s">
        <v>375</v>
      </c>
      <c r="AE43" s="555" t="s">
        <v>377</v>
      </c>
      <c r="AF43" s="555" t="s">
        <v>377</v>
      </c>
      <c r="AG43" s="555" t="s">
        <v>377</v>
      </c>
      <c r="AH43" s="555" t="s">
        <v>377</v>
      </c>
      <c r="AI43" s="555" t="s">
        <v>377</v>
      </c>
      <c r="AJ43" s="556" t="s">
        <v>377</v>
      </c>
      <c r="AK43" s="518">
        <v>303</v>
      </c>
      <c r="AL43" s="557" t="s">
        <v>380</v>
      </c>
      <c r="AM43" s="555" t="s">
        <v>377</v>
      </c>
      <c r="AN43" s="555" t="s">
        <v>377</v>
      </c>
      <c r="AO43" s="555" t="s">
        <v>377</v>
      </c>
      <c r="AP43" s="555" t="s">
        <v>377</v>
      </c>
      <c r="AQ43" s="558" t="s">
        <v>377</v>
      </c>
      <c r="AR43" s="555" t="s">
        <v>377</v>
      </c>
      <c r="AS43" s="555" t="s">
        <v>377</v>
      </c>
      <c r="AT43" s="555" t="s">
        <v>377</v>
      </c>
      <c r="AU43" s="558" t="s">
        <v>377</v>
      </c>
      <c r="AV43" s="555" t="s">
        <v>377</v>
      </c>
      <c r="AW43" s="555" t="s">
        <v>376</v>
      </c>
      <c r="AX43" s="558" t="s">
        <v>374</v>
      </c>
      <c r="AY43" s="559" t="s">
        <v>376</v>
      </c>
      <c r="AZ43" s="555" t="s">
        <v>375</v>
      </c>
      <c r="BA43" s="560" t="s">
        <v>374</v>
      </c>
      <c r="BB43" s="558" t="s">
        <v>374</v>
      </c>
      <c r="BC43" s="556" t="s">
        <v>374</v>
      </c>
      <c r="BD43" s="352">
        <v>303</v>
      </c>
      <c r="BE43" s="561" t="s">
        <v>381</v>
      </c>
      <c r="BF43" s="558" t="s">
        <v>376</v>
      </c>
      <c r="BG43" s="558" t="s">
        <v>374</v>
      </c>
      <c r="BH43" s="558" t="s">
        <v>375</v>
      </c>
      <c r="BI43" s="556" t="s">
        <v>374</v>
      </c>
    </row>
    <row r="44" spans="1:77" s="493" customFormat="1" ht="13.5" customHeight="1" x14ac:dyDescent="0.15">
      <c r="A44" s="352">
        <v>304</v>
      </c>
      <c r="B44" s="454" t="s">
        <v>320</v>
      </c>
      <c r="C44" s="555" t="s">
        <v>375</v>
      </c>
      <c r="D44" s="555" t="s">
        <v>376</v>
      </c>
      <c r="E44" s="555" t="s">
        <v>376</v>
      </c>
      <c r="F44" s="555" t="s">
        <v>374</v>
      </c>
      <c r="G44" s="555" t="s">
        <v>375</v>
      </c>
      <c r="H44" s="555" t="s">
        <v>375</v>
      </c>
      <c r="I44" s="555" t="s">
        <v>375</v>
      </c>
      <c r="J44" s="555" t="s">
        <v>375</v>
      </c>
      <c r="K44" s="555" t="s">
        <v>374</v>
      </c>
      <c r="L44" s="555" t="s">
        <v>375</v>
      </c>
      <c r="M44" s="555" t="s">
        <v>376</v>
      </c>
      <c r="N44" s="555" t="s">
        <v>374</v>
      </c>
      <c r="O44" s="555" t="s">
        <v>374</v>
      </c>
      <c r="P44" s="555" t="s">
        <v>376</v>
      </c>
      <c r="Q44" s="556" t="s">
        <v>375</v>
      </c>
      <c r="R44" s="352">
        <v>304</v>
      </c>
      <c r="S44" s="454" t="s">
        <v>382</v>
      </c>
      <c r="T44" s="555" t="s">
        <v>374</v>
      </c>
      <c r="U44" s="555" t="s">
        <v>375</v>
      </c>
      <c r="V44" s="555" t="s">
        <v>375</v>
      </c>
      <c r="W44" s="555" t="s">
        <v>375</v>
      </c>
      <c r="X44" s="555" t="s">
        <v>374</v>
      </c>
      <c r="Y44" s="555" t="s">
        <v>375</v>
      </c>
      <c r="Z44" s="555" t="s">
        <v>374</v>
      </c>
      <c r="AA44" s="555" t="s">
        <v>374</v>
      </c>
      <c r="AB44" s="555" t="s">
        <v>376</v>
      </c>
      <c r="AC44" s="555" t="s">
        <v>375</v>
      </c>
      <c r="AD44" s="555" t="s">
        <v>375</v>
      </c>
      <c r="AE44" s="555" t="s">
        <v>377</v>
      </c>
      <c r="AF44" s="555" t="s">
        <v>377</v>
      </c>
      <c r="AG44" s="555" t="s">
        <v>377</v>
      </c>
      <c r="AH44" s="555" t="s">
        <v>377</v>
      </c>
      <c r="AI44" s="555" t="s">
        <v>377</v>
      </c>
      <c r="AJ44" s="556" t="s">
        <v>377</v>
      </c>
      <c r="AK44" s="518">
        <v>304</v>
      </c>
      <c r="AL44" s="557" t="s">
        <v>320</v>
      </c>
      <c r="AM44" s="555" t="s">
        <v>377</v>
      </c>
      <c r="AN44" s="555" t="s">
        <v>377</v>
      </c>
      <c r="AO44" s="555" t="s">
        <v>377</v>
      </c>
      <c r="AP44" s="555" t="s">
        <v>377</v>
      </c>
      <c r="AQ44" s="558" t="s">
        <v>377</v>
      </c>
      <c r="AR44" s="555" t="s">
        <v>377</v>
      </c>
      <c r="AS44" s="555" t="s">
        <v>377</v>
      </c>
      <c r="AT44" s="555" t="s">
        <v>377</v>
      </c>
      <c r="AU44" s="558" t="s">
        <v>377</v>
      </c>
      <c r="AV44" s="555" t="s">
        <v>377</v>
      </c>
      <c r="AW44" s="555" t="s">
        <v>374</v>
      </c>
      <c r="AX44" s="558" t="s">
        <v>375</v>
      </c>
      <c r="AY44" s="559" t="s">
        <v>376</v>
      </c>
      <c r="AZ44" s="555" t="s">
        <v>376</v>
      </c>
      <c r="BA44" s="560" t="s">
        <v>376</v>
      </c>
      <c r="BB44" s="558" t="s">
        <v>374</v>
      </c>
      <c r="BC44" s="556" t="s">
        <v>376</v>
      </c>
      <c r="BD44" s="352">
        <v>304</v>
      </c>
      <c r="BE44" s="561" t="s">
        <v>383</v>
      </c>
      <c r="BF44" s="558" t="s">
        <v>375</v>
      </c>
      <c r="BG44" s="558" t="s">
        <v>375</v>
      </c>
      <c r="BH44" s="558" t="s">
        <v>376</v>
      </c>
      <c r="BI44" s="556" t="s">
        <v>375</v>
      </c>
    </row>
    <row r="45" spans="1:77" s="493" customFormat="1" ht="13.5" customHeight="1" x14ac:dyDescent="0.15">
      <c r="A45" s="352">
        <v>305</v>
      </c>
      <c r="B45" s="454" t="s">
        <v>321</v>
      </c>
      <c r="C45" s="555" t="s">
        <v>375</v>
      </c>
      <c r="D45" s="555" t="s">
        <v>375</v>
      </c>
      <c r="E45" s="555" t="s">
        <v>375</v>
      </c>
      <c r="F45" s="555" t="s">
        <v>375</v>
      </c>
      <c r="G45" s="555" t="s">
        <v>376</v>
      </c>
      <c r="H45" s="555" t="s">
        <v>374</v>
      </c>
      <c r="I45" s="555" t="s">
        <v>376</v>
      </c>
      <c r="J45" s="555" t="s">
        <v>375</v>
      </c>
      <c r="K45" s="555" t="s">
        <v>376</v>
      </c>
      <c r="L45" s="555" t="s">
        <v>376</v>
      </c>
      <c r="M45" s="555" t="s">
        <v>376</v>
      </c>
      <c r="N45" s="555" t="s">
        <v>376</v>
      </c>
      <c r="O45" s="555" t="s">
        <v>374</v>
      </c>
      <c r="P45" s="555" t="s">
        <v>376</v>
      </c>
      <c r="Q45" s="556" t="s">
        <v>375</v>
      </c>
      <c r="R45" s="352">
        <v>305</v>
      </c>
      <c r="S45" s="454" t="s">
        <v>384</v>
      </c>
      <c r="T45" s="555" t="s">
        <v>374</v>
      </c>
      <c r="U45" s="555" t="s">
        <v>375</v>
      </c>
      <c r="V45" s="555" t="s">
        <v>375</v>
      </c>
      <c r="W45" s="555" t="s">
        <v>375</v>
      </c>
      <c r="X45" s="555" t="s">
        <v>375</v>
      </c>
      <c r="Y45" s="555" t="s">
        <v>376</v>
      </c>
      <c r="Z45" s="555" t="s">
        <v>376</v>
      </c>
      <c r="AA45" s="555" t="s">
        <v>375</v>
      </c>
      <c r="AB45" s="555" t="s">
        <v>375</v>
      </c>
      <c r="AC45" s="555" t="s">
        <v>374</v>
      </c>
      <c r="AD45" s="555" t="s">
        <v>376</v>
      </c>
      <c r="AE45" s="555" t="s">
        <v>377</v>
      </c>
      <c r="AF45" s="555" t="s">
        <v>377</v>
      </c>
      <c r="AG45" s="555" t="s">
        <v>377</v>
      </c>
      <c r="AH45" s="555" t="s">
        <v>377</v>
      </c>
      <c r="AI45" s="555" t="s">
        <v>377</v>
      </c>
      <c r="AJ45" s="556" t="s">
        <v>377</v>
      </c>
      <c r="AK45" s="518">
        <v>305</v>
      </c>
      <c r="AL45" s="557" t="s">
        <v>384</v>
      </c>
      <c r="AM45" s="555" t="s">
        <v>377</v>
      </c>
      <c r="AN45" s="555" t="s">
        <v>377</v>
      </c>
      <c r="AO45" s="555" t="s">
        <v>377</v>
      </c>
      <c r="AP45" s="555" t="s">
        <v>377</v>
      </c>
      <c r="AQ45" s="558" t="s">
        <v>377</v>
      </c>
      <c r="AR45" s="555" t="s">
        <v>377</v>
      </c>
      <c r="AS45" s="555" t="s">
        <v>377</v>
      </c>
      <c r="AT45" s="555" t="s">
        <v>377</v>
      </c>
      <c r="AU45" s="558" t="s">
        <v>377</v>
      </c>
      <c r="AV45" s="555" t="s">
        <v>377</v>
      </c>
      <c r="AW45" s="555" t="s">
        <v>375</v>
      </c>
      <c r="AX45" s="558" t="s">
        <v>376</v>
      </c>
      <c r="AY45" s="559" t="s">
        <v>376</v>
      </c>
      <c r="AZ45" s="555" t="s">
        <v>375</v>
      </c>
      <c r="BA45" s="560" t="s">
        <v>376</v>
      </c>
      <c r="BB45" s="558" t="s">
        <v>375</v>
      </c>
      <c r="BC45" s="556" t="s">
        <v>374</v>
      </c>
      <c r="BD45" s="352">
        <v>305</v>
      </c>
      <c r="BE45" s="561" t="s">
        <v>385</v>
      </c>
      <c r="BF45" s="558" t="s">
        <v>376</v>
      </c>
      <c r="BG45" s="558" t="s">
        <v>375</v>
      </c>
      <c r="BH45" s="558" t="s">
        <v>375</v>
      </c>
      <c r="BI45" s="556" t="s">
        <v>375</v>
      </c>
    </row>
    <row r="46" spans="1:77" s="493" customFormat="1" ht="13.5" customHeight="1" thickBot="1" x14ac:dyDescent="0.2">
      <c r="A46" s="421">
        <v>306</v>
      </c>
      <c r="B46" s="458" t="s">
        <v>386</v>
      </c>
      <c r="C46" s="562" t="s">
        <v>375</v>
      </c>
      <c r="D46" s="562" t="s">
        <v>374</v>
      </c>
      <c r="E46" s="562" t="s">
        <v>376</v>
      </c>
      <c r="F46" s="562" t="s">
        <v>375</v>
      </c>
      <c r="G46" s="562" t="s">
        <v>376</v>
      </c>
      <c r="H46" s="562" t="s">
        <v>374</v>
      </c>
      <c r="I46" s="562" t="s">
        <v>374</v>
      </c>
      <c r="J46" s="562" t="s">
        <v>375</v>
      </c>
      <c r="K46" s="562" t="s">
        <v>374</v>
      </c>
      <c r="L46" s="562" t="s">
        <v>374</v>
      </c>
      <c r="M46" s="562" t="s">
        <v>375</v>
      </c>
      <c r="N46" s="562" t="s">
        <v>376</v>
      </c>
      <c r="O46" s="562" t="s">
        <v>375</v>
      </c>
      <c r="P46" s="562" t="s">
        <v>376</v>
      </c>
      <c r="Q46" s="563" t="s">
        <v>375</v>
      </c>
      <c r="R46" s="421">
        <v>306</v>
      </c>
      <c r="S46" s="458" t="s">
        <v>322</v>
      </c>
      <c r="T46" s="562" t="s">
        <v>375</v>
      </c>
      <c r="U46" s="562" t="s">
        <v>375</v>
      </c>
      <c r="V46" s="562" t="s">
        <v>375</v>
      </c>
      <c r="W46" s="562" t="s">
        <v>375</v>
      </c>
      <c r="X46" s="562" t="s">
        <v>375</v>
      </c>
      <c r="Y46" s="562" t="s">
        <v>375</v>
      </c>
      <c r="Z46" s="562" t="s">
        <v>375</v>
      </c>
      <c r="AA46" s="562" t="s">
        <v>374</v>
      </c>
      <c r="AB46" s="562" t="s">
        <v>374</v>
      </c>
      <c r="AC46" s="562" t="s">
        <v>376</v>
      </c>
      <c r="AD46" s="562" t="s">
        <v>376</v>
      </c>
      <c r="AE46" s="562" t="s">
        <v>377</v>
      </c>
      <c r="AF46" s="562" t="s">
        <v>377</v>
      </c>
      <c r="AG46" s="562" t="s">
        <v>377</v>
      </c>
      <c r="AH46" s="562" t="s">
        <v>377</v>
      </c>
      <c r="AI46" s="562" t="s">
        <v>377</v>
      </c>
      <c r="AJ46" s="563" t="s">
        <v>377</v>
      </c>
      <c r="AK46" s="564">
        <v>306</v>
      </c>
      <c r="AL46" s="565" t="s">
        <v>387</v>
      </c>
      <c r="AM46" s="562" t="s">
        <v>377</v>
      </c>
      <c r="AN46" s="562" t="s">
        <v>377</v>
      </c>
      <c r="AO46" s="562" t="s">
        <v>377</v>
      </c>
      <c r="AP46" s="562" t="s">
        <v>377</v>
      </c>
      <c r="AQ46" s="566" t="s">
        <v>377</v>
      </c>
      <c r="AR46" s="562" t="s">
        <v>377</v>
      </c>
      <c r="AS46" s="562" t="s">
        <v>377</v>
      </c>
      <c r="AT46" s="562" t="s">
        <v>377</v>
      </c>
      <c r="AU46" s="566" t="s">
        <v>377</v>
      </c>
      <c r="AV46" s="562" t="s">
        <v>377</v>
      </c>
      <c r="AW46" s="562" t="s">
        <v>375</v>
      </c>
      <c r="AX46" s="566" t="s">
        <v>374</v>
      </c>
      <c r="AY46" s="567" t="s">
        <v>376</v>
      </c>
      <c r="AZ46" s="562" t="s">
        <v>375</v>
      </c>
      <c r="BA46" s="568" t="s">
        <v>375</v>
      </c>
      <c r="BB46" s="566" t="s">
        <v>376</v>
      </c>
      <c r="BC46" s="563" t="s">
        <v>375</v>
      </c>
      <c r="BD46" s="421">
        <v>306</v>
      </c>
      <c r="BE46" s="569" t="s">
        <v>387</v>
      </c>
      <c r="BF46" s="566" t="s">
        <v>375</v>
      </c>
      <c r="BG46" s="566" t="s">
        <v>376</v>
      </c>
      <c r="BH46" s="566" t="s">
        <v>375</v>
      </c>
      <c r="BI46" s="563" t="s">
        <v>374</v>
      </c>
      <c r="BJ46" s="570"/>
      <c r="BK46" s="570"/>
      <c r="BL46" s="570"/>
      <c r="BM46" s="570"/>
      <c r="BN46" s="570"/>
      <c r="BO46" s="570"/>
      <c r="BP46" s="571"/>
      <c r="BQ46" s="571"/>
      <c r="BR46" s="571"/>
      <c r="BS46" s="571"/>
      <c r="BT46" s="572"/>
      <c r="BU46" s="572"/>
      <c r="BV46" s="572"/>
      <c r="BW46" s="573"/>
      <c r="BX46" s="572"/>
      <c r="BY46" s="572"/>
    </row>
    <row r="47" spans="1:77" s="326" customFormat="1" ht="13.5" customHeight="1" thickTop="1" thickBot="1" x14ac:dyDescent="0.2">
      <c r="A47" s="994" t="s">
        <v>323</v>
      </c>
      <c r="B47" s="996"/>
      <c r="C47" s="562" t="s">
        <v>374</v>
      </c>
      <c r="D47" s="562" t="s">
        <v>374</v>
      </c>
      <c r="E47" s="562" t="s">
        <v>376</v>
      </c>
      <c r="F47" s="562" t="s">
        <v>375</v>
      </c>
      <c r="G47" s="562" t="s">
        <v>376</v>
      </c>
      <c r="H47" s="562" t="s">
        <v>374</v>
      </c>
      <c r="I47" s="562" t="s">
        <v>374</v>
      </c>
      <c r="J47" s="562" t="s">
        <v>374</v>
      </c>
      <c r="K47" s="562" t="s">
        <v>375</v>
      </c>
      <c r="L47" s="562" t="s">
        <v>376</v>
      </c>
      <c r="M47" s="562" t="s">
        <v>376</v>
      </c>
      <c r="N47" s="562" t="s">
        <v>375</v>
      </c>
      <c r="O47" s="562" t="s">
        <v>374</v>
      </c>
      <c r="P47" s="562" t="s">
        <v>375</v>
      </c>
      <c r="Q47" s="563" t="s">
        <v>374</v>
      </c>
      <c r="R47" s="994" t="s">
        <v>388</v>
      </c>
      <c r="S47" s="996"/>
      <c r="T47" s="562" t="s">
        <v>376</v>
      </c>
      <c r="U47" s="562" t="s">
        <v>375</v>
      </c>
      <c r="V47" s="562" t="s">
        <v>376</v>
      </c>
      <c r="W47" s="562" t="s">
        <v>376</v>
      </c>
      <c r="X47" s="562" t="s">
        <v>376</v>
      </c>
      <c r="Y47" s="562" t="s">
        <v>374</v>
      </c>
      <c r="Z47" s="562" t="s">
        <v>376</v>
      </c>
      <c r="AA47" s="562" t="s">
        <v>376</v>
      </c>
      <c r="AB47" s="562" t="s">
        <v>375</v>
      </c>
      <c r="AC47" s="562" t="s">
        <v>375</v>
      </c>
      <c r="AD47" s="562" t="s">
        <v>374</v>
      </c>
      <c r="AE47" s="562" t="s">
        <v>377</v>
      </c>
      <c r="AF47" s="562" t="s">
        <v>377</v>
      </c>
      <c r="AG47" s="562" t="s">
        <v>377</v>
      </c>
      <c r="AH47" s="562" t="s">
        <v>377</v>
      </c>
      <c r="AI47" s="562" t="s">
        <v>377</v>
      </c>
      <c r="AJ47" s="563" t="s">
        <v>377</v>
      </c>
      <c r="AK47" s="997" t="s">
        <v>323</v>
      </c>
      <c r="AL47" s="998"/>
      <c r="AM47" s="574" t="s">
        <v>377</v>
      </c>
      <c r="AN47" s="574" t="s">
        <v>377</v>
      </c>
      <c r="AO47" s="574" t="s">
        <v>377</v>
      </c>
      <c r="AP47" s="574" t="s">
        <v>377</v>
      </c>
      <c r="AQ47" s="575" t="s">
        <v>377</v>
      </c>
      <c r="AR47" s="574" t="s">
        <v>377</v>
      </c>
      <c r="AS47" s="574" t="s">
        <v>377</v>
      </c>
      <c r="AT47" s="574" t="s">
        <v>377</v>
      </c>
      <c r="AU47" s="575" t="s">
        <v>377</v>
      </c>
      <c r="AV47" s="574" t="s">
        <v>377</v>
      </c>
      <c r="AW47" s="574" t="s">
        <v>374</v>
      </c>
      <c r="AX47" s="575" t="s">
        <v>375</v>
      </c>
      <c r="AY47" s="576" t="s">
        <v>374</v>
      </c>
      <c r="AZ47" s="577" t="s">
        <v>375</v>
      </c>
      <c r="BA47" s="578" t="s">
        <v>375</v>
      </c>
      <c r="BB47" s="575" t="s">
        <v>375</v>
      </c>
      <c r="BC47" s="579" t="s">
        <v>375</v>
      </c>
      <c r="BD47" s="994" t="s">
        <v>323</v>
      </c>
      <c r="BE47" s="995"/>
      <c r="BF47" s="566" t="s">
        <v>375</v>
      </c>
      <c r="BG47" s="566" t="s">
        <v>376</v>
      </c>
      <c r="BH47" s="566" t="s">
        <v>375</v>
      </c>
      <c r="BI47" s="563" t="s">
        <v>375</v>
      </c>
      <c r="BJ47" s="580"/>
      <c r="BK47" s="580"/>
      <c r="BL47" s="580"/>
      <c r="BM47" s="580"/>
      <c r="BN47" s="580"/>
      <c r="BO47" s="580"/>
      <c r="BP47" s="581"/>
      <c r="BQ47" s="581"/>
      <c r="BR47" s="581"/>
      <c r="BS47" s="581"/>
      <c r="BT47" s="582"/>
      <c r="BU47" s="582"/>
      <c r="BV47" s="582"/>
      <c r="BW47" s="583"/>
      <c r="BX47" s="582"/>
      <c r="BY47" s="582"/>
    </row>
    <row r="48" spans="1:77" s="498" customFormat="1" ht="13.5" customHeight="1" thickTop="1" thickBot="1" x14ac:dyDescent="0.2">
      <c r="A48" s="999" t="s">
        <v>324</v>
      </c>
      <c r="B48" s="1000"/>
      <c r="C48" s="584">
        <v>232</v>
      </c>
      <c r="D48" s="584">
        <v>3891</v>
      </c>
      <c r="E48" s="584">
        <v>156783041</v>
      </c>
      <c r="F48" s="584">
        <v>11399</v>
      </c>
      <c r="G48" s="584">
        <v>17492</v>
      </c>
      <c r="H48" s="584">
        <v>183473268</v>
      </c>
      <c r="I48" s="584">
        <v>3073</v>
      </c>
      <c r="J48" s="584">
        <v>5404</v>
      </c>
      <c r="K48" s="584">
        <v>37735820</v>
      </c>
      <c r="L48" s="584">
        <v>14704</v>
      </c>
      <c r="M48" s="584">
        <v>26787</v>
      </c>
      <c r="N48" s="584">
        <v>377992129</v>
      </c>
      <c r="O48" s="584">
        <v>8273</v>
      </c>
      <c r="P48" s="584">
        <v>9755</v>
      </c>
      <c r="Q48" s="585">
        <v>90662643</v>
      </c>
      <c r="R48" s="999" t="s">
        <v>324</v>
      </c>
      <c r="S48" s="1000"/>
      <c r="T48" s="584">
        <v>218</v>
      </c>
      <c r="U48" s="584">
        <v>10305</v>
      </c>
      <c r="V48" s="584">
        <v>6628582</v>
      </c>
      <c r="W48" s="584">
        <v>105</v>
      </c>
      <c r="X48" s="584">
        <v>763</v>
      </c>
      <c r="Y48" s="584">
        <v>10804620</v>
      </c>
      <c r="Z48" s="584">
        <v>23082</v>
      </c>
      <c r="AA48" s="584">
        <v>486087974</v>
      </c>
      <c r="AB48" s="584">
        <v>1</v>
      </c>
      <c r="AC48" s="584">
        <v>8</v>
      </c>
      <c r="AD48" s="584">
        <v>45750</v>
      </c>
      <c r="AE48" s="584">
        <v>13</v>
      </c>
      <c r="AF48" s="584">
        <v>365442</v>
      </c>
      <c r="AG48" s="584">
        <v>629</v>
      </c>
      <c r="AH48" s="584">
        <v>5203981</v>
      </c>
      <c r="AI48" s="584">
        <v>63</v>
      </c>
      <c r="AJ48" s="585">
        <v>2175617</v>
      </c>
      <c r="AK48" s="1001" t="s">
        <v>324</v>
      </c>
      <c r="AL48" s="1002"/>
      <c r="AM48" s="584">
        <v>49</v>
      </c>
      <c r="AN48" s="584">
        <v>867640</v>
      </c>
      <c r="AO48" s="584">
        <v>0</v>
      </c>
      <c r="AP48" s="584">
        <v>0</v>
      </c>
      <c r="AQ48" s="584">
        <v>762</v>
      </c>
      <c r="AR48" s="584">
        <v>8658430</v>
      </c>
      <c r="AS48" s="584">
        <v>11</v>
      </c>
      <c r="AT48" s="584">
        <v>47410</v>
      </c>
      <c r="AU48" s="584">
        <v>0</v>
      </c>
      <c r="AV48" s="584">
        <v>0</v>
      </c>
      <c r="AW48" s="584">
        <v>23845</v>
      </c>
      <c r="AX48" s="584">
        <v>494746404</v>
      </c>
      <c r="AY48" s="584">
        <v>33</v>
      </c>
      <c r="AZ48" s="584">
        <v>0</v>
      </c>
      <c r="BA48" s="584">
        <v>345194113</v>
      </c>
      <c r="BB48" s="584">
        <v>135159839</v>
      </c>
      <c r="BC48" s="585">
        <v>14392452</v>
      </c>
      <c r="BD48" s="999" t="s">
        <v>324</v>
      </c>
      <c r="BE48" s="1003"/>
      <c r="BF48" s="586">
        <v>767</v>
      </c>
      <c r="BG48" s="586">
        <v>72758025</v>
      </c>
      <c r="BH48" s="586">
        <v>9</v>
      </c>
      <c r="BI48" s="587">
        <v>282101</v>
      </c>
    </row>
    <row r="49" spans="1:61" s="498" customFormat="1" ht="11.25" customHeight="1" x14ac:dyDescent="0.15">
      <c r="A49" s="470"/>
      <c r="B49" s="470"/>
      <c r="C49" s="471"/>
      <c r="D49" s="471"/>
      <c r="E49" s="471"/>
      <c r="F49" s="471"/>
      <c r="G49" s="471"/>
      <c r="H49" s="471"/>
      <c r="I49" s="471"/>
      <c r="J49" s="471"/>
      <c r="K49" s="471"/>
      <c r="L49" s="471"/>
      <c r="M49" s="471"/>
      <c r="N49" s="471"/>
      <c r="O49" s="471"/>
      <c r="P49" s="471"/>
      <c r="Q49" s="471"/>
      <c r="R49" s="470"/>
      <c r="S49" s="588" t="s">
        <v>325</v>
      </c>
      <c r="T49" s="471"/>
      <c r="U49" s="471"/>
      <c r="V49" s="471"/>
      <c r="W49" s="471"/>
      <c r="X49" s="471"/>
      <c r="Y49" s="471"/>
      <c r="Z49" s="471"/>
      <c r="AA49" s="471"/>
      <c r="AB49" s="470"/>
      <c r="AC49" s="470"/>
      <c r="AD49" s="470"/>
      <c r="AE49" s="470"/>
      <c r="AF49" s="470"/>
      <c r="AG49" s="470"/>
      <c r="AH49" s="470"/>
      <c r="AI49" s="470"/>
      <c r="AJ49" s="470"/>
      <c r="AM49" s="470"/>
      <c r="AN49" s="470"/>
      <c r="AO49" s="470"/>
      <c r="AP49" s="470"/>
      <c r="AQ49" s="470"/>
      <c r="AR49" s="470"/>
      <c r="AS49" s="470"/>
      <c r="AT49" s="470"/>
      <c r="AU49" s="470"/>
      <c r="AV49" s="470"/>
      <c r="AW49" s="470"/>
      <c r="AX49" s="470"/>
      <c r="AY49" s="470"/>
      <c r="AZ49" s="470"/>
      <c r="BA49" s="471"/>
      <c r="BB49" s="471"/>
      <c r="BC49" s="471"/>
      <c r="BD49" s="470"/>
      <c r="BE49" s="470"/>
      <c r="BF49" s="471"/>
      <c r="BG49" s="471"/>
      <c r="BH49" s="470"/>
      <c r="BI49" s="470"/>
    </row>
    <row r="50" spans="1:61" s="593" customFormat="1" ht="12.9" customHeight="1" x14ac:dyDescent="0.15">
      <c r="A50" s="589"/>
      <c r="B50" s="590"/>
      <c r="C50" s="591"/>
      <c r="D50" s="591"/>
      <c r="E50" s="591"/>
      <c r="F50" s="591"/>
      <c r="G50" s="591"/>
      <c r="H50" s="591"/>
      <c r="I50" s="591"/>
      <c r="J50" s="591"/>
      <c r="K50" s="591"/>
      <c r="L50" s="591"/>
      <c r="M50" s="591"/>
      <c r="N50" s="591"/>
      <c r="O50" s="592"/>
      <c r="P50" s="591"/>
      <c r="Q50" s="591"/>
      <c r="R50" s="592"/>
      <c r="S50" s="589"/>
      <c r="T50" s="591"/>
      <c r="U50" s="591"/>
      <c r="V50" s="591"/>
      <c r="W50" s="591"/>
      <c r="X50" s="591"/>
      <c r="Y50" s="591"/>
      <c r="Z50" s="591"/>
      <c r="AA50" s="591"/>
      <c r="AB50" s="591"/>
      <c r="AC50" s="591"/>
      <c r="AD50" s="591"/>
      <c r="AE50" s="591"/>
      <c r="AF50" s="591"/>
      <c r="AG50" s="591"/>
      <c r="AH50" s="591"/>
      <c r="AI50" s="591"/>
      <c r="AJ50" s="591"/>
      <c r="AL50" s="594"/>
      <c r="AM50" s="591"/>
      <c r="AN50" s="591"/>
      <c r="AO50" s="591"/>
      <c r="AP50" s="591"/>
      <c r="AQ50" s="591"/>
      <c r="AR50" s="591"/>
      <c r="AS50" s="591"/>
      <c r="AT50" s="591"/>
      <c r="AU50" s="591"/>
      <c r="AV50" s="591"/>
      <c r="AW50" s="591"/>
      <c r="AX50" s="591"/>
      <c r="AY50" s="590"/>
      <c r="AZ50" s="590"/>
      <c r="BA50" s="591"/>
      <c r="BB50" s="591"/>
      <c r="BC50" s="595"/>
      <c r="BD50" s="590"/>
      <c r="BE50" s="589"/>
      <c r="BF50" s="591"/>
      <c r="BG50" s="591"/>
      <c r="BH50" s="591"/>
      <c r="BI50" s="591"/>
    </row>
    <row r="51" spans="1:61" ht="12.9" customHeight="1" x14ac:dyDescent="0.15">
      <c r="C51" s="471"/>
      <c r="D51" s="471"/>
      <c r="E51" s="471"/>
      <c r="F51" s="471"/>
      <c r="G51" s="471"/>
      <c r="H51" s="471"/>
      <c r="I51" s="471"/>
      <c r="J51" s="471"/>
      <c r="K51" s="471"/>
      <c r="L51" s="471"/>
      <c r="M51" s="471"/>
      <c r="N51" s="471"/>
      <c r="BA51" s="471"/>
      <c r="BB51" s="471"/>
      <c r="BC51" s="471"/>
      <c r="BF51" s="471"/>
      <c r="BG51" s="471"/>
    </row>
    <row r="52" spans="1:61" ht="12.9" customHeight="1" x14ac:dyDescent="0.15">
      <c r="C52" s="471"/>
      <c r="D52" s="471"/>
      <c r="E52" s="471"/>
      <c r="F52" s="471"/>
      <c r="G52" s="471"/>
      <c r="H52" s="471"/>
      <c r="I52" s="471"/>
      <c r="J52" s="471"/>
      <c r="K52" s="471"/>
      <c r="L52" s="471"/>
      <c r="M52" s="471"/>
      <c r="N52" s="471"/>
      <c r="BA52" s="471"/>
      <c r="BB52" s="471"/>
      <c r="BC52" s="471"/>
      <c r="BF52" s="471"/>
      <c r="BG52" s="471"/>
    </row>
    <row r="53" spans="1:61" ht="12.9" customHeight="1" x14ac:dyDescent="0.15">
      <c r="C53" s="471"/>
      <c r="D53" s="471"/>
      <c r="E53" s="471"/>
      <c r="F53" s="471"/>
      <c r="G53" s="471"/>
      <c r="H53" s="471"/>
      <c r="I53" s="471"/>
      <c r="J53" s="471"/>
      <c r="K53" s="471"/>
      <c r="L53" s="471"/>
      <c r="M53" s="471"/>
      <c r="N53" s="471"/>
      <c r="BA53" s="471"/>
      <c r="BB53" s="471"/>
      <c r="BC53" s="471"/>
      <c r="BF53" s="471"/>
      <c r="BG53" s="471"/>
    </row>
    <row r="54" spans="1:61" ht="12.9" customHeight="1" x14ac:dyDescent="0.15">
      <c r="C54" s="471"/>
      <c r="D54" s="471"/>
      <c r="E54" s="471"/>
      <c r="F54" s="471"/>
      <c r="G54" s="471"/>
      <c r="H54" s="471"/>
      <c r="I54" s="471"/>
      <c r="J54" s="471"/>
      <c r="K54" s="471"/>
      <c r="L54" s="471"/>
      <c r="M54" s="471"/>
      <c r="N54" s="471"/>
      <c r="BA54" s="471"/>
      <c r="BB54" s="471"/>
      <c r="BC54" s="471"/>
      <c r="BF54" s="471"/>
      <c r="BG54" s="471"/>
    </row>
    <row r="55" spans="1:61" x14ac:dyDescent="0.15">
      <c r="C55" s="471"/>
      <c r="D55" s="471"/>
      <c r="E55" s="471"/>
      <c r="F55" s="471"/>
      <c r="G55" s="471"/>
      <c r="H55" s="471"/>
      <c r="I55" s="471"/>
      <c r="J55" s="471"/>
      <c r="K55" s="471"/>
      <c r="L55" s="471"/>
      <c r="M55" s="471"/>
      <c r="N55" s="471"/>
      <c r="BA55" s="471"/>
      <c r="BB55" s="471"/>
      <c r="BC55" s="471"/>
      <c r="BF55" s="471"/>
      <c r="BG55" s="471"/>
    </row>
    <row r="56" spans="1:61" x14ac:dyDescent="0.15">
      <c r="C56" s="471"/>
      <c r="D56" s="471"/>
      <c r="E56" s="471"/>
      <c r="F56" s="471"/>
      <c r="G56" s="471"/>
      <c r="H56" s="471"/>
      <c r="I56" s="471"/>
      <c r="J56" s="471"/>
      <c r="K56" s="471"/>
      <c r="L56" s="471"/>
      <c r="M56" s="471"/>
      <c r="N56" s="471"/>
      <c r="BA56" s="471"/>
      <c r="BB56" s="471"/>
      <c r="BC56" s="471"/>
      <c r="BF56" s="471"/>
      <c r="BG56" s="471"/>
    </row>
    <row r="57" spans="1:61" x14ac:dyDescent="0.15">
      <c r="C57" s="471"/>
      <c r="D57" s="471"/>
      <c r="E57" s="471"/>
      <c r="F57" s="471"/>
      <c r="G57" s="471"/>
      <c r="H57" s="471"/>
      <c r="I57" s="471"/>
      <c r="J57" s="471"/>
      <c r="K57" s="471"/>
      <c r="L57" s="471"/>
      <c r="M57" s="471"/>
      <c r="N57" s="471"/>
      <c r="BA57" s="471"/>
      <c r="BB57" s="471"/>
      <c r="BC57" s="471"/>
      <c r="BF57" s="471"/>
      <c r="BG57" s="471"/>
    </row>
    <row r="58" spans="1:61" x14ac:dyDescent="0.15">
      <c r="C58" s="471"/>
      <c r="D58" s="471"/>
      <c r="E58" s="471"/>
      <c r="F58" s="471"/>
      <c r="G58" s="471"/>
      <c r="H58" s="471"/>
      <c r="I58" s="471"/>
      <c r="J58" s="471"/>
      <c r="K58" s="471"/>
      <c r="L58" s="471"/>
      <c r="M58" s="471"/>
      <c r="N58" s="471"/>
      <c r="BA58" s="471"/>
      <c r="BB58" s="471"/>
      <c r="BC58" s="471"/>
      <c r="BF58" s="471"/>
      <c r="BG58" s="471"/>
    </row>
    <row r="59" spans="1:61" x14ac:dyDescent="0.15">
      <c r="C59" s="471"/>
      <c r="D59" s="471"/>
      <c r="E59" s="471"/>
      <c r="F59" s="471"/>
      <c r="G59" s="471"/>
      <c r="H59" s="471"/>
      <c r="I59" s="471"/>
      <c r="J59" s="471"/>
      <c r="K59" s="471"/>
      <c r="L59" s="471"/>
      <c r="M59" s="471"/>
      <c r="N59" s="471"/>
      <c r="BA59" s="471"/>
      <c r="BB59" s="471"/>
      <c r="BC59" s="471"/>
      <c r="BF59" s="471"/>
      <c r="BG59" s="471"/>
    </row>
    <row r="60" spans="1:61" x14ac:dyDescent="0.15">
      <c r="C60" s="471"/>
      <c r="D60" s="471"/>
      <c r="E60" s="471"/>
      <c r="F60" s="471"/>
      <c r="G60" s="471"/>
      <c r="H60" s="471"/>
      <c r="I60" s="471"/>
      <c r="J60" s="471"/>
      <c r="K60" s="471"/>
      <c r="L60" s="471"/>
      <c r="M60" s="471"/>
      <c r="N60" s="471"/>
      <c r="BA60" s="471"/>
      <c r="BB60" s="471"/>
      <c r="BC60" s="471"/>
      <c r="BF60" s="471"/>
      <c r="BG60" s="471"/>
    </row>
    <row r="61" spans="1:61" x14ac:dyDescent="0.15">
      <c r="C61" s="471"/>
      <c r="D61" s="471"/>
      <c r="E61" s="471"/>
      <c r="F61" s="471"/>
      <c r="G61" s="471"/>
      <c r="H61" s="471"/>
      <c r="I61" s="471"/>
      <c r="J61" s="471"/>
      <c r="K61" s="471"/>
      <c r="L61" s="471"/>
      <c r="M61" s="471"/>
      <c r="N61" s="471"/>
      <c r="BA61" s="471"/>
      <c r="BB61" s="471"/>
      <c r="BC61" s="471"/>
      <c r="BF61" s="471"/>
      <c r="BG61" s="471"/>
    </row>
    <row r="62" spans="1:61" x14ac:dyDescent="0.15">
      <c r="BA62" s="471"/>
      <c r="BB62" s="471"/>
      <c r="BC62" s="471"/>
      <c r="BF62" s="471"/>
      <c r="BG62" s="471"/>
    </row>
    <row r="63" spans="1:61" x14ac:dyDescent="0.15">
      <c r="BA63" s="471"/>
      <c r="BB63" s="471"/>
      <c r="BC63" s="471"/>
      <c r="BF63" s="471"/>
      <c r="BG63" s="471"/>
    </row>
    <row r="64" spans="1:61" x14ac:dyDescent="0.15">
      <c r="BA64" s="471"/>
      <c r="BB64" s="471"/>
      <c r="BC64" s="471"/>
      <c r="BF64" s="471"/>
      <c r="BG64" s="471"/>
    </row>
    <row r="65" spans="53:59" x14ac:dyDescent="0.15">
      <c r="BA65" s="471"/>
      <c r="BB65" s="471"/>
      <c r="BC65" s="471"/>
      <c r="BF65" s="471"/>
      <c r="BG65" s="471"/>
    </row>
  </sheetData>
  <mergeCells count="51">
    <mergeCell ref="AJ1:AJ2"/>
    <mergeCell ref="BC1:BC2"/>
    <mergeCell ref="A3:B6"/>
    <mergeCell ref="C3:Q3"/>
    <mergeCell ref="R3:S6"/>
    <mergeCell ref="T3:AA3"/>
    <mergeCell ref="AB3:AJ3"/>
    <mergeCell ref="AK3:AL6"/>
    <mergeCell ref="AM3:AV3"/>
    <mergeCell ref="T4:V5"/>
    <mergeCell ref="W4:Y5"/>
    <mergeCell ref="Z4:AA5"/>
    <mergeCell ref="AB4:AB6"/>
    <mergeCell ref="Q1:Q2"/>
    <mergeCell ref="AM4:AT4"/>
    <mergeCell ref="AU4:AV5"/>
    <mergeCell ref="BF4:BG4"/>
    <mergeCell ref="BH4:BI4"/>
    <mergeCell ref="C5:E5"/>
    <mergeCell ref="F5:H5"/>
    <mergeCell ref="I5:K5"/>
    <mergeCell ref="L5:N5"/>
    <mergeCell ref="AC5:AD5"/>
    <mergeCell ref="AE5:AF5"/>
    <mergeCell ref="AW3:AX5"/>
    <mergeCell ref="AY3:AZ6"/>
    <mergeCell ref="BA3:BC4"/>
    <mergeCell ref="BD3:BE6"/>
    <mergeCell ref="C4:N4"/>
    <mergeCell ref="O4:Q5"/>
    <mergeCell ref="A48:B48"/>
    <mergeCell ref="R48:S48"/>
    <mergeCell ref="AK48:AL48"/>
    <mergeCell ref="BD48:BE48"/>
    <mergeCell ref="BA5:BA6"/>
    <mergeCell ref="BB5:BB6"/>
    <mergeCell ref="BC5:BC6"/>
    <mergeCell ref="A40:B40"/>
    <mergeCell ref="R40:S40"/>
    <mergeCell ref="AK40:AL40"/>
    <mergeCell ref="AG5:AH5"/>
    <mergeCell ref="AI5:AJ5"/>
    <mergeCell ref="AM5:AN5"/>
    <mergeCell ref="AO5:AP5"/>
    <mergeCell ref="AQ5:AR5"/>
    <mergeCell ref="AS5:AT5"/>
    <mergeCell ref="BD40:BE40"/>
    <mergeCell ref="A47:B47"/>
    <mergeCell ref="R47:S47"/>
    <mergeCell ref="AK47:AL47"/>
    <mergeCell ref="BD47:BE47"/>
  </mergeCells>
  <phoneticPr fontId="12"/>
  <printOptions verticalCentered="1"/>
  <pageMargins left="0.78740157480314965" right="0" top="0.59055118110236227" bottom="0.59055118110236227" header="0.47244094488188981" footer="0.51181102362204722"/>
  <pageSetup paperSize="9" scale="83" orientation="landscape" blackAndWhite="1" r:id="rId1"/>
  <headerFooter alignWithMargins="0"/>
  <colBreaks count="3" manualBreakCount="3">
    <brk id="17" max="1048575" man="1"/>
    <brk id="36" max="48" man="1"/>
    <brk id="55" max="48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51"/>
  <sheetViews>
    <sheetView zoomScaleNormal="100" zoomScaleSheetLayoutView="100" workbookViewId="0"/>
  </sheetViews>
  <sheetFormatPr defaultColWidth="9" defaultRowHeight="10.8" x14ac:dyDescent="0.15"/>
  <cols>
    <col min="1" max="1" width="4.44140625" style="644" customWidth="1"/>
    <col min="2" max="2" width="10" style="644" customWidth="1"/>
    <col min="3" max="6" width="17.6640625" style="645" customWidth="1"/>
    <col min="7" max="7" width="17.33203125" style="644" customWidth="1"/>
    <col min="8" max="8" width="18.6640625" style="644" customWidth="1"/>
    <col min="9" max="16384" width="9" style="644"/>
  </cols>
  <sheetData>
    <row r="1" spans="1:8" s="597" customFormat="1" ht="13.2" x14ac:dyDescent="0.2">
      <c r="A1" s="596" t="s">
        <v>389</v>
      </c>
      <c r="C1" s="598"/>
      <c r="D1" s="598"/>
      <c r="E1" s="598"/>
      <c r="F1" s="977" t="s">
        <v>258</v>
      </c>
    </row>
    <row r="2" spans="1:8" s="597" customFormat="1" ht="10.5" customHeight="1" thickBot="1" x14ac:dyDescent="0.25">
      <c r="A2" s="599"/>
      <c r="B2" s="596"/>
      <c r="C2" s="598"/>
      <c r="D2" s="598"/>
      <c r="E2" s="598"/>
      <c r="F2" s="1061"/>
    </row>
    <row r="3" spans="1:8" s="602" customFormat="1" ht="15.6" customHeight="1" x14ac:dyDescent="0.2">
      <c r="A3" s="1062" t="s">
        <v>236</v>
      </c>
      <c r="B3" s="1063"/>
      <c r="C3" s="600" t="s">
        <v>390</v>
      </c>
      <c r="D3" s="600" t="s">
        <v>391</v>
      </c>
      <c r="E3" s="600" t="s">
        <v>392</v>
      </c>
      <c r="F3" s="601" t="s">
        <v>393</v>
      </c>
      <c r="G3" s="1066"/>
    </row>
    <row r="4" spans="1:8" s="602" customFormat="1" ht="15.6" customHeight="1" thickBot="1" x14ac:dyDescent="0.25">
      <c r="A4" s="1064"/>
      <c r="B4" s="1065"/>
      <c r="C4" s="603" t="s">
        <v>394</v>
      </c>
      <c r="D4" s="603" t="s">
        <v>395</v>
      </c>
      <c r="E4" s="603"/>
      <c r="F4" s="604" t="s">
        <v>396</v>
      </c>
      <c r="G4" s="1066"/>
      <c r="H4" s="605"/>
    </row>
    <row r="5" spans="1:8" s="613" customFormat="1" ht="18" customHeight="1" thickTop="1" x14ac:dyDescent="0.15">
      <c r="A5" s="606">
        <v>1</v>
      </c>
      <c r="B5" s="607" t="s">
        <v>227</v>
      </c>
      <c r="C5" s="608">
        <v>256766026796</v>
      </c>
      <c r="D5" s="608">
        <v>150082623</v>
      </c>
      <c r="E5" s="609">
        <v>156847388877</v>
      </c>
      <c r="F5" s="610">
        <v>256916109419</v>
      </c>
      <c r="G5" s="611"/>
      <c r="H5" s="612"/>
    </row>
    <row r="6" spans="1:8" s="613" customFormat="1" ht="18" customHeight="1" x14ac:dyDescent="0.15">
      <c r="A6" s="606">
        <v>2</v>
      </c>
      <c r="B6" s="607" t="s">
        <v>225</v>
      </c>
      <c r="C6" s="608">
        <v>92433411910</v>
      </c>
      <c r="D6" s="608">
        <v>80160349</v>
      </c>
      <c r="E6" s="609">
        <v>53772325197</v>
      </c>
      <c r="F6" s="610">
        <v>92513572259</v>
      </c>
    </row>
    <row r="7" spans="1:8" s="613" customFormat="1" ht="18" customHeight="1" x14ac:dyDescent="0.15">
      <c r="A7" s="606">
        <v>3</v>
      </c>
      <c r="B7" s="607" t="s">
        <v>223</v>
      </c>
      <c r="C7" s="608">
        <v>36037793947</v>
      </c>
      <c r="D7" s="609">
        <v>20742143</v>
      </c>
      <c r="E7" s="609">
        <v>23504734409</v>
      </c>
      <c r="F7" s="610">
        <v>36058536090</v>
      </c>
    </row>
    <row r="8" spans="1:8" s="613" customFormat="1" ht="18" customHeight="1" x14ac:dyDescent="0.15">
      <c r="A8" s="606">
        <v>4</v>
      </c>
      <c r="B8" s="607" t="s">
        <v>221</v>
      </c>
      <c r="C8" s="608">
        <v>20972562277</v>
      </c>
      <c r="D8" s="608">
        <v>13556669</v>
      </c>
      <c r="E8" s="609">
        <v>13207426622</v>
      </c>
      <c r="F8" s="610">
        <v>20986118946</v>
      </c>
    </row>
    <row r="9" spans="1:8" s="613" customFormat="1" ht="18" customHeight="1" x14ac:dyDescent="0.15">
      <c r="A9" s="606">
        <v>5</v>
      </c>
      <c r="B9" s="607" t="s">
        <v>219</v>
      </c>
      <c r="C9" s="608">
        <v>13220918723</v>
      </c>
      <c r="D9" s="608">
        <v>14412610</v>
      </c>
      <c r="E9" s="609">
        <v>8229187471</v>
      </c>
      <c r="F9" s="610">
        <v>13235331333</v>
      </c>
    </row>
    <row r="10" spans="1:8" s="613" customFormat="1" ht="18" customHeight="1" x14ac:dyDescent="0.15">
      <c r="A10" s="606">
        <v>6</v>
      </c>
      <c r="B10" s="607" t="s">
        <v>217</v>
      </c>
      <c r="C10" s="608">
        <v>30216843851</v>
      </c>
      <c r="D10" s="608">
        <v>19738443</v>
      </c>
      <c r="E10" s="609">
        <v>18490713045</v>
      </c>
      <c r="F10" s="610">
        <v>30236582294</v>
      </c>
    </row>
    <row r="11" spans="1:8" s="613" customFormat="1" ht="18" customHeight="1" x14ac:dyDescent="0.15">
      <c r="A11" s="606">
        <v>7</v>
      </c>
      <c r="B11" s="607" t="s">
        <v>216</v>
      </c>
      <c r="C11" s="608">
        <v>16638853715</v>
      </c>
      <c r="D11" s="608">
        <v>15335857</v>
      </c>
      <c r="E11" s="609">
        <v>10501704308</v>
      </c>
      <c r="F11" s="610">
        <v>16654189572</v>
      </c>
    </row>
    <row r="12" spans="1:8" s="613" customFormat="1" ht="18" customHeight="1" x14ac:dyDescent="0.15">
      <c r="A12" s="606">
        <v>8</v>
      </c>
      <c r="B12" s="607" t="s">
        <v>214</v>
      </c>
      <c r="C12" s="608">
        <v>17735827612</v>
      </c>
      <c r="D12" s="608">
        <v>13975279</v>
      </c>
      <c r="E12" s="609">
        <v>11175626013</v>
      </c>
      <c r="F12" s="610">
        <v>17749802891</v>
      </c>
    </row>
    <row r="13" spans="1:8" s="613" customFormat="1" ht="18" customHeight="1" x14ac:dyDescent="0.15">
      <c r="A13" s="606">
        <v>9</v>
      </c>
      <c r="B13" s="607" t="s">
        <v>212</v>
      </c>
      <c r="C13" s="608">
        <v>4942549166</v>
      </c>
      <c r="D13" s="608">
        <v>4036020</v>
      </c>
      <c r="E13" s="609">
        <v>3047661351</v>
      </c>
      <c r="F13" s="610">
        <v>4946585186</v>
      </c>
    </row>
    <row r="14" spans="1:8" s="616" customFormat="1" ht="18" customHeight="1" x14ac:dyDescent="0.15">
      <c r="A14" s="614">
        <v>10</v>
      </c>
      <c r="B14" s="615" t="s">
        <v>210</v>
      </c>
      <c r="C14" s="608">
        <v>55529934259</v>
      </c>
      <c r="D14" s="608">
        <v>67390733</v>
      </c>
      <c r="E14" s="609">
        <v>33680499360</v>
      </c>
      <c r="F14" s="610">
        <v>55597324992</v>
      </c>
    </row>
    <row r="15" spans="1:8" s="613" customFormat="1" ht="18" customHeight="1" x14ac:dyDescent="0.15">
      <c r="A15" s="606">
        <v>11</v>
      </c>
      <c r="B15" s="607" t="s">
        <v>208</v>
      </c>
      <c r="C15" s="608">
        <v>4866133359</v>
      </c>
      <c r="D15" s="608">
        <v>5874285</v>
      </c>
      <c r="E15" s="609">
        <v>3096649097</v>
      </c>
      <c r="F15" s="610">
        <v>4872007644</v>
      </c>
    </row>
    <row r="16" spans="1:8" s="613" customFormat="1" ht="18" customHeight="1" x14ac:dyDescent="0.15">
      <c r="A16" s="606">
        <v>12</v>
      </c>
      <c r="B16" s="607" t="s">
        <v>206</v>
      </c>
      <c r="C16" s="608">
        <v>13970624492</v>
      </c>
      <c r="D16" s="608">
        <v>4996473</v>
      </c>
      <c r="E16" s="609">
        <v>9140428956</v>
      </c>
      <c r="F16" s="610">
        <v>13975620965</v>
      </c>
    </row>
    <row r="17" spans="1:6" s="613" customFormat="1" ht="18" customHeight="1" x14ac:dyDescent="0.15">
      <c r="A17" s="606">
        <v>13</v>
      </c>
      <c r="B17" s="607" t="s">
        <v>204</v>
      </c>
      <c r="C17" s="608">
        <v>17641099985</v>
      </c>
      <c r="D17" s="608">
        <v>19255993</v>
      </c>
      <c r="E17" s="609">
        <v>10786653553</v>
      </c>
      <c r="F17" s="610">
        <v>17660355978</v>
      </c>
    </row>
    <row r="18" spans="1:6" s="613" customFormat="1" ht="18" customHeight="1" x14ac:dyDescent="0.15">
      <c r="A18" s="606">
        <v>14</v>
      </c>
      <c r="B18" s="607" t="s">
        <v>202</v>
      </c>
      <c r="C18" s="608">
        <v>17314186153</v>
      </c>
      <c r="D18" s="608">
        <v>4400431</v>
      </c>
      <c r="E18" s="609">
        <v>9975661638</v>
      </c>
      <c r="F18" s="610">
        <v>17318586584</v>
      </c>
    </row>
    <row r="19" spans="1:6" s="613" customFormat="1" ht="18" customHeight="1" x14ac:dyDescent="0.15">
      <c r="A19" s="606">
        <v>15</v>
      </c>
      <c r="B19" s="607" t="s">
        <v>200</v>
      </c>
      <c r="C19" s="608">
        <v>7745636242</v>
      </c>
      <c r="D19" s="608">
        <v>17513241</v>
      </c>
      <c r="E19" s="609">
        <v>4949807805</v>
      </c>
      <c r="F19" s="610">
        <v>7763149483</v>
      </c>
    </row>
    <row r="20" spans="1:6" s="613" customFormat="1" ht="18" customHeight="1" x14ac:dyDescent="0.15">
      <c r="A20" s="606">
        <v>16</v>
      </c>
      <c r="B20" s="607" t="s">
        <v>198</v>
      </c>
      <c r="C20" s="608">
        <v>9692970002</v>
      </c>
      <c r="D20" s="608">
        <v>1252398</v>
      </c>
      <c r="E20" s="609">
        <v>5874115558</v>
      </c>
      <c r="F20" s="610">
        <v>9694222400</v>
      </c>
    </row>
    <row r="21" spans="1:6" s="613" customFormat="1" ht="18" customHeight="1" x14ac:dyDescent="0.15">
      <c r="A21" s="606">
        <v>17</v>
      </c>
      <c r="B21" s="607" t="s">
        <v>196</v>
      </c>
      <c r="C21" s="608">
        <v>10079058596</v>
      </c>
      <c r="D21" s="608">
        <v>3974878</v>
      </c>
      <c r="E21" s="609">
        <v>6073892263</v>
      </c>
      <c r="F21" s="610">
        <v>10083033474</v>
      </c>
    </row>
    <row r="22" spans="1:6" s="613" customFormat="1" ht="18" customHeight="1" x14ac:dyDescent="0.15">
      <c r="A22" s="606">
        <v>18</v>
      </c>
      <c r="B22" s="607" t="s">
        <v>194</v>
      </c>
      <c r="C22" s="617">
        <v>3516745323</v>
      </c>
      <c r="D22" s="617">
        <v>9425966</v>
      </c>
      <c r="E22" s="618">
        <v>2238515803</v>
      </c>
      <c r="F22" s="619">
        <v>3526171289</v>
      </c>
    </row>
    <row r="23" spans="1:6" s="613" customFormat="1" ht="18" customHeight="1" x14ac:dyDescent="0.15">
      <c r="A23" s="606">
        <v>19</v>
      </c>
      <c r="B23" s="607" t="s">
        <v>192</v>
      </c>
      <c r="C23" s="617">
        <v>2640706060</v>
      </c>
      <c r="D23" s="617">
        <v>826240</v>
      </c>
      <c r="E23" s="618">
        <v>1691260712</v>
      </c>
      <c r="F23" s="619">
        <v>2641532300</v>
      </c>
    </row>
    <row r="24" spans="1:6" s="613" customFormat="1" ht="18" customHeight="1" x14ac:dyDescent="0.15">
      <c r="A24" s="606">
        <v>20</v>
      </c>
      <c r="B24" s="607" t="s">
        <v>191</v>
      </c>
      <c r="C24" s="617">
        <v>3852873575</v>
      </c>
      <c r="D24" s="617">
        <v>2448940</v>
      </c>
      <c r="E24" s="618">
        <v>2439957128</v>
      </c>
      <c r="F24" s="619">
        <v>3855322515</v>
      </c>
    </row>
    <row r="25" spans="1:6" s="613" customFormat="1" ht="18" customHeight="1" x14ac:dyDescent="0.15">
      <c r="A25" s="620">
        <v>21</v>
      </c>
      <c r="B25" s="607" t="s">
        <v>189</v>
      </c>
      <c r="C25" s="617">
        <v>7072772621</v>
      </c>
      <c r="D25" s="617">
        <v>4308669</v>
      </c>
      <c r="E25" s="618">
        <v>4335043072</v>
      </c>
      <c r="F25" s="619">
        <v>7077081290</v>
      </c>
    </row>
    <row r="26" spans="1:6" s="613" customFormat="1" ht="18" customHeight="1" x14ac:dyDescent="0.15">
      <c r="A26" s="620">
        <v>22</v>
      </c>
      <c r="B26" s="607" t="s">
        <v>187</v>
      </c>
      <c r="C26" s="617">
        <v>3001873078</v>
      </c>
      <c r="D26" s="617">
        <v>967349</v>
      </c>
      <c r="E26" s="618">
        <v>1985766016</v>
      </c>
      <c r="F26" s="619">
        <v>3002840427</v>
      </c>
    </row>
    <row r="27" spans="1:6" s="613" customFormat="1" ht="18" customHeight="1" x14ac:dyDescent="0.15">
      <c r="A27" s="606">
        <v>23</v>
      </c>
      <c r="B27" s="607" t="s">
        <v>185</v>
      </c>
      <c r="C27" s="617">
        <v>2452762829</v>
      </c>
      <c r="D27" s="617">
        <v>2877440</v>
      </c>
      <c r="E27" s="618">
        <v>1615003486</v>
      </c>
      <c r="F27" s="619">
        <v>2455640269</v>
      </c>
    </row>
    <row r="28" spans="1:6" s="613" customFormat="1" ht="18" customHeight="1" x14ac:dyDescent="0.15">
      <c r="A28" s="606">
        <v>24</v>
      </c>
      <c r="B28" s="607" t="s">
        <v>183</v>
      </c>
      <c r="C28" s="608">
        <v>986446317</v>
      </c>
      <c r="D28" s="608">
        <v>812290</v>
      </c>
      <c r="E28" s="609">
        <v>654365078</v>
      </c>
      <c r="F28" s="610">
        <v>987258607</v>
      </c>
    </row>
    <row r="29" spans="1:6" s="613" customFormat="1" ht="18" customHeight="1" x14ac:dyDescent="0.15">
      <c r="A29" s="606">
        <v>25</v>
      </c>
      <c r="B29" s="607" t="s">
        <v>181</v>
      </c>
      <c r="C29" s="608">
        <v>1262501940</v>
      </c>
      <c r="D29" s="608">
        <v>997780</v>
      </c>
      <c r="E29" s="609">
        <v>821868684</v>
      </c>
      <c r="F29" s="610">
        <v>1263499720</v>
      </c>
    </row>
    <row r="30" spans="1:6" s="613" customFormat="1" ht="18" customHeight="1" x14ac:dyDescent="0.15">
      <c r="A30" s="606">
        <v>26</v>
      </c>
      <c r="B30" s="607" t="s">
        <v>179</v>
      </c>
      <c r="C30" s="608">
        <v>1015476198</v>
      </c>
      <c r="D30" s="608">
        <v>1439930</v>
      </c>
      <c r="E30" s="609">
        <v>685530413</v>
      </c>
      <c r="F30" s="610">
        <v>1016916128</v>
      </c>
    </row>
    <row r="31" spans="1:6" s="613" customFormat="1" ht="18" customHeight="1" x14ac:dyDescent="0.15">
      <c r="A31" s="606">
        <v>27</v>
      </c>
      <c r="B31" s="607" t="s">
        <v>176</v>
      </c>
      <c r="C31" s="608">
        <v>1215676587</v>
      </c>
      <c r="D31" s="608">
        <v>87640</v>
      </c>
      <c r="E31" s="609">
        <v>849950402</v>
      </c>
      <c r="F31" s="610">
        <v>1215764227</v>
      </c>
    </row>
    <row r="32" spans="1:6" s="613" customFormat="1" ht="18" customHeight="1" x14ac:dyDescent="0.15">
      <c r="A32" s="606">
        <v>28</v>
      </c>
      <c r="B32" s="607" t="s">
        <v>174</v>
      </c>
      <c r="C32" s="608">
        <v>1310925549</v>
      </c>
      <c r="D32" s="608">
        <v>11560515</v>
      </c>
      <c r="E32" s="609">
        <v>799816743</v>
      </c>
      <c r="F32" s="610">
        <v>1322486064</v>
      </c>
    </row>
    <row r="33" spans="1:7" s="613" customFormat="1" ht="18" customHeight="1" x14ac:dyDescent="0.15">
      <c r="A33" s="606">
        <v>29</v>
      </c>
      <c r="B33" s="607" t="s">
        <v>172</v>
      </c>
      <c r="C33" s="608">
        <v>1066493691</v>
      </c>
      <c r="D33" s="608">
        <v>256910</v>
      </c>
      <c r="E33" s="609">
        <v>717571417</v>
      </c>
      <c r="F33" s="610">
        <v>1066750601</v>
      </c>
    </row>
    <row r="34" spans="1:7" s="613" customFormat="1" ht="18" customHeight="1" x14ac:dyDescent="0.15">
      <c r="A34" s="606">
        <v>30</v>
      </c>
      <c r="B34" s="607" t="s">
        <v>170</v>
      </c>
      <c r="C34" s="608">
        <v>931786214</v>
      </c>
      <c r="D34" s="608">
        <v>2120</v>
      </c>
      <c r="E34" s="609">
        <v>583736977</v>
      </c>
      <c r="F34" s="610">
        <v>931788334</v>
      </c>
    </row>
    <row r="35" spans="1:7" s="613" customFormat="1" ht="18" customHeight="1" x14ac:dyDescent="0.15">
      <c r="A35" s="606">
        <v>31</v>
      </c>
      <c r="B35" s="607" t="s">
        <v>168</v>
      </c>
      <c r="C35" s="608">
        <v>2631120877</v>
      </c>
      <c r="D35" s="608">
        <v>1098435</v>
      </c>
      <c r="E35" s="609">
        <v>1691630477</v>
      </c>
      <c r="F35" s="610">
        <v>2632219312</v>
      </c>
    </row>
    <row r="36" spans="1:7" s="613" customFormat="1" ht="18" customHeight="1" x14ac:dyDescent="0.15">
      <c r="A36" s="606">
        <v>32</v>
      </c>
      <c r="B36" s="607" t="s">
        <v>165</v>
      </c>
      <c r="C36" s="608">
        <v>4091066103</v>
      </c>
      <c r="D36" s="608">
        <v>937755</v>
      </c>
      <c r="E36" s="609">
        <v>2489455945</v>
      </c>
      <c r="F36" s="610">
        <v>4092003858</v>
      </c>
    </row>
    <row r="37" spans="1:7" s="613" customFormat="1" ht="18" customHeight="1" thickBot="1" x14ac:dyDescent="0.2">
      <c r="A37" s="621">
        <v>33</v>
      </c>
      <c r="B37" s="622" t="s">
        <v>162</v>
      </c>
      <c r="C37" s="623">
        <v>298645508</v>
      </c>
      <c r="D37" s="623">
        <v>0</v>
      </c>
      <c r="E37" s="624">
        <v>183450687</v>
      </c>
      <c r="F37" s="625">
        <v>298645508</v>
      </c>
    </row>
    <row r="38" spans="1:7" s="613" customFormat="1" ht="18" customHeight="1" thickTop="1" x14ac:dyDescent="0.15">
      <c r="A38" s="606">
        <v>301</v>
      </c>
      <c r="B38" s="626" t="s">
        <v>378</v>
      </c>
      <c r="C38" s="608">
        <v>2752724170</v>
      </c>
      <c r="D38" s="627" t="s">
        <v>375</v>
      </c>
      <c r="E38" s="609">
        <v>698497340</v>
      </c>
      <c r="F38" s="610">
        <v>2752724170</v>
      </c>
    </row>
    <row r="39" spans="1:7" s="613" customFormat="1" ht="18" customHeight="1" x14ac:dyDescent="0.15">
      <c r="A39" s="606">
        <v>302</v>
      </c>
      <c r="B39" s="626" t="s">
        <v>379</v>
      </c>
      <c r="C39" s="608">
        <v>2840717048</v>
      </c>
      <c r="D39" s="628" t="s">
        <v>376</v>
      </c>
      <c r="E39" s="609">
        <v>632288737</v>
      </c>
      <c r="F39" s="610">
        <v>2840717048</v>
      </c>
    </row>
    <row r="40" spans="1:7" s="613" customFormat="1" ht="18" customHeight="1" x14ac:dyDescent="0.15">
      <c r="A40" s="606">
        <v>303</v>
      </c>
      <c r="B40" s="626" t="s">
        <v>381</v>
      </c>
      <c r="C40" s="608">
        <v>3633191845</v>
      </c>
      <c r="D40" s="627" t="s">
        <v>376</v>
      </c>
      <c r="E40" s="609">
        <v>1430093364</v>
      </c>
      <c r="F40" s="610">
        <v>3633191845</v>
      </c>
    </row>
    <row r="41" spans="1:7" s="613" customFormat="1" ht="18" customHeight="1" x14ac:dyDescent="0.15">
      <c r="A41" s="606">
        <v>304</v>
      </c>
      <c r="B41" s="626" t="s">
        <v>412</v>
      </c>
      <c r="C41" s="608">
        <v>774894469</v>
      </c>
      <c r="D41" s="628" t="s">
        <v>376</v>
      </c>
      <c r="E41" s="609">
        <v>193963025</v>
      </c>
      <c r="F41" s="610">
        <v>774894469</v>
      </c>
    </row>
    <row r="42" spans="1:7" s="613" customFormat="1" ht="18" customHeight="1" x14ac:dyDescent="0.15">
      <c r="A42" s="606">
        <v>305</v>
      </c>
      <c r="B42" s="626" t="s">
        <v>321</v>
      </c>
      <c r="C42" s="608">
        <v>1573167196</v>
      </c>
      <c r="D42" s="627" t="s">
        <v>375</v>
      </c>
      <c r="E42" s="609">
        <v>515852918</v>
      </c>
      <c r="F42" s="610">
        <v>1573167196</v>
      </c>
    </row>
    <row r="43" spans="1:7" s="613" customFormat="1" ht="18" customHeight="1" thickBot="1" x14ac:dyDescent="0.2">
      <c r="A43" s="621">
        <v>306</v>
      </c>
      <c r="B43" s="629" t="s">
        <v>387</v>
      </c>
      <c r="C43" s="608">
        <v>15841658440</v>
      </c>
      <c r="D43" s="630" t="s">
        <v>376</v>
      </c>
      <c r="E43" s="609">
        <v>4767320013</v>
      </c>
      <c r="F43" s="610">
        <v>15841658440</v>
      </c>
    </row>
    <row r="44" spans="1:7" s="602" customFormat="1" ht="18" customHeight="1" thickTop="1" thickBot="1" x14ac:dyDescent="0.2">
      <c r="A44" s="1067" t="s">
        <v>316</v>
      </c>
      <c r="B44" s="1068"/>
      <c r="C44" s="631">
        <v>663152303555</v>
      </c>
      <c r="D44" s="631">
        <v>494746404</v>
      </c>
      <c r="E44" s="631">
        <v>406137398563</v>
      </c>
      <c r="F44" s="632">
        <v>663647049959</v>
      </c>
      <c r="G44" s="633"/>
    </row>
    <row r="45" spans="1:7" s="602" customFormat="1" ht="18" customHeight="1" thickTop="1" thickBot="1" x14ac:dyDescent="0.2">
      <c r="A45" s="1067" t="s">
        <v>413</v>
      </c>
      <c r="B45" s="1068"/>
      <c r="C45" s="631">
        <v>27416353168</v>
      </c>
      <c r="D45" s="630" t="s">
        <v>375</v>
      </c>
      <c r="E45" s="634">
        <v>8238015397</v>
      </c>
      <c r="F45" s="625">
        <v>27416353168</v>
      </c>
      <c r="G45" s="633"/>
    </row>
    <row r="46" spans="1:7" s="602" customFormat="1" ht="18" customHeight="1" thickTop="1" thickBot="1" x14ac:dyDescent="0.2">
      <c r="A46" s="1059" t="s">
        <v>414</v>
      </c>
      <c r="B46" s="1060"/>
      <c r="C46" s="635">
        <v>690568656723</v>
      </c>
      <c r="D46" s="635">
        <v>494746404</v>
      </c>
      <c r="E46" s="635">
        <v>414375413960</v>
      </c>
      <c r="F46" s="636">
        <v>691063403127</v>
      </c>
      <c r="G46" s="633"/>
    </row>
    <row r="48" spans="1:7" s="613" customFormat="1" ht="15.75" customHeight="1" x14ac:dyDescent="0.15">
      <c r="A48" s="637"/>
      <c r="B48" s="638"/>
      <c r="C48" s="639"/>
      <c r="D48" s="639"/>
      <c r="E48" s="640"/>
      <c r="F48" s="641"/>
    </row>
    <row r="49" spans="1:6" s="613" customFormat="1" ht="15.75" customHeight="1" x14ac:dyDescent="0.15">
      <c r="A49" s="637"/>
      <c r="B49" s="638"/>
      <c r="C49" s="639"/>
      <c r="D49" s="639"/>
      <c r="E49" s="642"/>
      <c r="F49" s="641"/>
    </row>
    <row r="50" spans="1:6" x14ac:dyDescent="0.15">
      <c r="A50" s="643"/>
    </row>
    <row r="51" spans="1:6" x14ac:dyDescent="0.15">
      <c r="D51" s="646"/>
      <c r="E51" s="646"/>
      <c r="F51" s="646"/>
    </row>
  </sheetData>
  <mergeCells count="6">
    <mergeCell ref="A46:B46"/>
    <mergeCell ref="F1:F2"/>
    <mergeCell ref="A3:B4"/>
    <mergeCell ref="G3:G4"/>
    <mergeCell ref="A44:B44"/>
    <mergeCell ref="A45:B45"/>
  </mergeCells>
  <phoneticPr fontId="12"/>
  <printOptions horizontalCentered="1" verticalCentered="1"/>
  <pageMargins left="0.78740157480314965" right="0.59055118110236227" top="0.59055118110236227" bottom="0.59055118110236227" header="0.51181102362204722" footer="0.51181102362204722"/>
  <pageSetup paperSize="9" scale="98" orientation="portrait" blackAndWhite="1" r:id="rId1"/>
  <headerFooter alignWithMargins="0"/>
  <colBreaks count="1" manualBreakCount="1">
    <brk id="6" max="1048575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N51"/>
  <sheetViews>
    <sheetView zoomScaleNormal="100" zoomScaleSheetLayoutView="100" workbookViewId="0"/>
  </sheetViews>
  <sheetFormatPr defaultColWidth="9" defaultRowHeight="15.75" customHeight="1" x14ac:dyDescent="0.15"/>
  <cols>
    <col min="1" max="1" width="4" style="493" customWidth="1"/>
    <col min="2" max="2" width="9.33203125" style="493" bestFit="1" customWidth="1"/>
    <col min="3" max="3" width="9.33203125" style="493" customWidth="1"/>
    <col min="4" max="4" width="4.88671875" style="690" bestFit="1" customWidth="1"/>
    <col min="5" max="5" width="9.33203125" style="493" customWidth="1"/>
    <col min="6" max="6" width="7.88671875" style="690" bestFit="1" customWidth="1"/>
    <col min="7" max="7" width="9.33203125" style="493" customWidth="1"/>
    <col min="8" max="8" width="4.88671875" style="690" bestFit="1" customWidth="1"/>
    <col min="9" max="9" width="9.33203125" style="493" customWidth="1"/>
    <col min="10" max="10" width="7.6640625" style="690" customWidth="1"/>
    <col min="11" max="11" width="10.44140625" style="493" customWidth="1"/>
    <col min="12" max="12" width="4.109375" style="493" customWidth="1"/>
    <col min="13" max="13" width="8.6640625" style="493" customWidth="1"/>
    <col min="14" max="14" width="4.109375" style="493" customWidth="1"/>
    <col min="15" max="15" width="8.6640625" style="493" customWidth="1"/>
    <col min="16" max="16" width="4.109375" style="493" customWidth="1"/>
    <col min="17" max="17" width="8.6640625" style="493" customWidth="1"/>
    <col min="18" max="18" width="4.109375" style="493" customWidth="1"/>
    <col min="19" max="19" width="8.6640625" style="493" customWidth="1"/>
    <col min="20" max="20" width="4.109375" style="493" customWidth="1"/>
    <col min="21" max="21" width="8.6640625" style="493" customWidth="1"/>
    <col min="22" max="22" width="4.109375" style="493" customWidth="1"/>
    <col min="23" max="23" width="8.6640625" style="493" customWidth="1"/>
    <col min="24" max="24" width="4.109375" style="493" customWidth="1"/>
    <col min="25" max="25" width="8.6640625" style="493" customWidth="1"/>
    <col min="26" max="26" width="4.109375" style="493" customWidth="1"/>
    <col min="27" max="27" width="8.6640625" style="493" customWidth="1"/>
    <col min="28" max="28" width="4.109375" style="493" customWidth="1"/>
    <col min="29" max="29" width="8.6640625" style="493" customWidth="1"/>
    <col min="30" max="30" width="4.109375" style="493" customWidth="1"/>
    <col min="31" max="31" width="8.6640625" style="493" customWidth="1"/>
    <col min="32" max="32" width="4.109375" style="493" customWidth="1"/>
    <col min="33" max="33" width="8.6640625" style="493" customWidth="1"/>
    <col min="34" max="34" width="4.109375" style="493" customWidth="1"/>
    <col min="35" max="35" width="8.6640625" style="493" customWidth="1"/>
    <col min="36" max="36" width="4.109375" style="493" customWidth="1"/>
    <col min="37" max="37" width="8.6640625" style="493" customWidth="1"/>
    <col min="38" max="38" width="4.109375" style="493" customWidth="1"/>
    <col min="39" max="39" width="8.6640625" style="493" customWidth="1"/>
    <col min="40" max="40" width="4.109375" style="493" customWidth="1"/>
    <col min="41" max="16384" width="9" style="493"/>
  </cols>
  <sheetData>
    <row r="1" spans="1:40" s="597" customFormat="1" ht="13.2" x14ac:dyDescent="0.2">
      <c r="A1" s="596" t="s">
        <v>397</v>
      </c>
      <c r="C1" s="598"/>
      <c r="D1" s="598"/>
      <c r="E1" s="598"/>
      <c r="F1" s="647"/>
      <c r="H1" s="648"/>
    </row>
    <row r="2" spans="1:40" s="597" customFormat="1" ht="10.5" customHeight="1" thickBot="1" x14ac:dyDescent="0.25">
      <c r="A2" s="599"/>
      <c r="B2" s="596"/>
      <c r="C2" s="598"/>
      <c r="D2" s="598"/>
      <c r="E2" s="598"/>
      <c r="F2" s="649"/>
      <c r="H2" s="648"/>
    </row>
    <row r="3" spans="1:40" ht="13.5" customHeight="1" x14ac:dyDescent="0.15">
      <c r="A3" s="1075" t="s">
        <v>236</v>
      </c>
      <c r="B3" s="1076"/>
      <c r="C3" s="1081" t="s">
        <v>398</v>
      </c>
      <c r="D3" s="1082"/>
      <c r="E3" s="1085" t="s">
        <v>391</v>
      </c>
      <c r="F3" s="1086"/>
      <c r="G3" s="1085" t="s">
        <v>392</v>
      </c>
      <c r="H3" s="1086"/>
      <c r="I3" s="1081" t="s">
        <v>399</v>
      </c>
      <c r="J3" s="1089"/>
      <c r="K3" s="1074"/>
      <c r="L3" s="650"/>
      <c r="M3" s="650"/>
      <c r="N3" s="650"/>
      <c r="O3" s="650"/>
      <c r="P3" s="650"/>
      <c r="Q3" s="650"/>
      <c r="R3" s="650"/>
      <c r="S3" s="650"/>
      <c r="T3" s="650"/>
      <c r="U3" s="650"/>
      <c r="V3" s="650"/>
      <c r="W3" s="650"/>
      <c r="X3" s="650"/>
      <c r="Y3" s="650"/>
      <c r="Z3" s="650"/>
      <c r="AA3" s="650"/>
      <c r="AB3" s="650"/>
      <c r="AC3" s="650"/>
      <c r="AD3" s="650"/>
      <c r="AE3" s="650"/>
      <c r="AF3" s="650"/>
      <c r="AG3" s="650"/>
      <c r="AH3" s="650"/>
      <c r="AI3" s="650"/>
      <c r="AJ3" s="650"/>
      <c r="AK3" s="650"/>
      <c r="AL3" s="650"/>
      <c r="AM3" s="650"/>
      <c r="AN3" s="650"/>
    </row>
    <row r="4" spans="1:40" ht="10.5" customHeight="1" x14ac:dyDescent="0.15">
      <c r="A4" s="1077"/>
      <c r="B4" s="1078"/>
      <c r="C4" s="1083"/>
      <c r="D4" s="1084"/>
      <c r="E4" s="1087"/>
      <c r="F4" s="1088"/>
      <c r="G4" s="1087"/>
      <c r="H4" s="1088"/>
      <c r="I4" s="1087"/>
      <c r="J4" s="1090"/>
      <c r="K4" s="1074"/>
      <c r="L4" s="650"/>
      <c r="M4" s="650"/>
      <c r="N4" s="650"/>
      <c r="O4" s="650"/>
      <c r="P4" s="650"/>
      <c r="Q4" s="650"/>
      <c r="R4" s="650"/>
      <c r="S4" s="650"/>
      <c r="T4" s="650"/>
      <c r="U4" s="650"/>
      <c r="V4" s="650"/>
      <c r="W4" s="650"/>
      <c r="X4" s="650"/>
      <c r="Y4" s="650"/>
      <c r="Z4" s="650"/>
      <c r="AA4" s="650"/>
      <c r="AB4" s="650"/>
      <c r="AC4" s="650"/>
      <c r="AD4" s="650"/>
      <c r="AE4" s="650"/>
      <c r="AF4" s="650"/>
      <c r="AG4" s="650"/>
      <c r="AH4" s="650"/>
      <c r="AI4" s="650"/>
      <c r="AJ4" s="650"/>
      <c r="AK4" s="650"/>
      <c r="AL4" s="650"/>
      <c r="AM4" s="650"/>
      <c r="AN4" s="650"/>
    </row>
    <row r="5" spans="1:40" s="498" customFormat="1" ht="15" customHeight="1" thickBot="1" x14ac:dyDescent="0.25">
      <c r="A5" s="1079"/>
      <c r="B5" s="1080"/>
      <c r="C5" s="651" t="s">
        <v>400</v>
      </c>
      <c r="D5" s="652" t="s">
        <v>401</v>
      </c>
      <c r="E5" s="653" t="s">
        <v>400</v>
      </c>
      <c r="F5" s="654" t="s">
        <v>401</v>
      </c>
      <c r="G5" s="653" t="s">
        <v>400</v>
      </c>
      <c r="H5" s="654" t="s">
        <v>401</v>
      </c>
      <c r="I5" s="653" t="s">
        <v>400</v>
      </c>
      <c r="J5" s="655" t="s">
        <v>401</v>
      </c>
      <c r="K5" s="1074"/>
      <c r="L5" s="656"/>
      <c r="M5" s="656"/>
      <c r="N5" s="656"/>
      <c r="O5" s="656"/>
      <c r="P5" s="656"/>
      <c r="Q5" s="656"/>
      <c r="R5" s="656"/>
      <c r="S5" s="656"/>
      <c r="T5" s="656"/>
      <c r="U5" s="657"/>
      <c r="V5" s="656"/>
      <c r="W5" s="656"/>
      <c r="X5" s="656"/>
      <c r="Y5" s="656"/>
      <c r="Z5" s="656"/>
      <c r="AA5" s="656"/>
      <c r="AB5" s="656"/>
      <c r="AC5" s="656"/>
      <c r="AD5" s="656"/>
      <c r="AE5" s="657"/>
      <c r="AF5" s="656"/>
      <c r="AG5" s="656"/>
      <c r="AH5" s="656"/>
      <c r="AI5" s="656"/>
      <c r="AJ5" s="656"/>
      <c r="AK5" s="656"/>
      <c r="AL5" s="656"/>
      <c r="AM5" s="656"/>
      <c r="AN5" s="656"/>
    </row>
    <row r="6" spans="1:40" ht="17.100000000000001" customHeight="1" thickTop="1" x14ac:dyDescent="0.15">
      <c r="A6" s="658">
        <v>1</v>
      </c>
      <c r="B6" s="659" t="s">
        <v>227</v>
      </c>
      <c r="C6" s="660">
        <v>367287</v>
      </c>
      <c r="D6" s="661">
        <v>16</v>
      </c>
      <c r="E6" s="660">
        <v>515748</v>
      </c>
      <c r="F6" s="661">
        <v>7</v>
      </c>
      <c r="G6" s="660">
        <v>535153</v>
      </c>
      <c r="H6" s="661">
        <v>9</v>
      </c>
      <c r="I6" s="662">
        <v>367348</v>
      </c>
      <c r="J6" s="663">
        <v>16</v>
      </c>
      <c r="K6" s="664"/>
      <c r="L6" s="664"/>
      <c r="M6" s="664"/>
      <c r="N6" s="664"/>
      <c r="O6" s="664"/>
      <c r="P6" s="664"/>
      <c r="Q6" s="664"/>
      <c r="R6" s="664"/>
      <c r="S6" s="664"/>
      <c r="T6" s="664"/>
      <c r="U6" s="664"/>
      <c r="V6" s="664"/>
      <c r="W6" s="664"/>
      <c r="X6" s="664"/>
      <c r="Y6" s="664"/>
      <c r="Z6" s="664"/>
      <c r="AA6" s="664"/>
      <c r="AB6" s="664"/>
      <c r="AC6" s="664"/>
      <c r="AD6" s="664"/>
      <c r="AE6" s="664"/>
      <c r="AF6" s="664"/>
      <c r="AG6" s="664"/>
      <c r="AH6" s="664"/>
      <c r="AI6" s="664"/>
      <c r="AJ6" s="664"/>
      <c r="AK6" s="664"/>
      <c r="AL6" s="664"/>
      <c r="AM6" s="664"/>
      <c r="AN6" s="572"/>
    </row>
    <row r="7" spans="1:40" ht="17.100000000000001" customHeight="1" x14ac:dyDescent="0.15">
      <c r="A7" s="665">
        <v>2</v>
      </c>
      <c r="B7" s="659" t="s">
        <v>225</v>
      </c>
      <c r="C7" s="660">
        <v>350257</v>
      </c>
      <c r="D7" s="661">
        <v>28</v>
      </c>
      <c r="E7" s="660">
        <v>641283</v>
      </c>
      <c r="F7" s="661">
        <v>4</v>
      </c>
      <c r="G7" s="660">
        <v>557041</v>
      </c>
      <c r="H7" s="661">
        <v>1</v>
      </c>
      <c r="I7" s="666">
        <v>350394</v>
      </c>
      <c r="J7" s="663">
        <v>28</v>
      </c>
      <c r="K7" s="664"/>
      <c r="L7" s="664"/>
      <c r="M7" s="664"/>
      <c r="N7" s="664"/>
      <c r="O7" s="664"/>
      <c r="P7" s="664"/>
      <c r="Q7" s="664"/>
      <c r="R7" s="664"/>
      <c r="S7" s="664"/>
      <c r="T7" s="664"/>
      <c r="U7" s="664"/>
      <c r="V7" s="664"/>
      <c r="W7" s="664"/>
      <c r="X7" s="664"/>
      <c r="Y7" s="664"/>
      <c r="Z7" s="664"/>
      <c r="AA7" s="664"/>
      <c r="AB7" s="664"/>
      <c r="AC7" s="664"/>
      <c r="AD7" s="664"/>
      <c r="AE7" s="664"/>
      <c r="AF7" s="664"/>
      <c r="AG7" s="664"/>
      <c r="AH7" s="664"/>
      <c r="AI7" s="664"/>
      <c r="AJ7" s="664"/>
      <c r="AK7" s="664"/>
      <c r="AL7" s="664"/>
      <c r="AM7" s="664"/>
      <c r="AN7" s="572"/>
    </row>
    <row r="8" spans="1:40" ht="17.100000000000001" customHeight="1" x14ac:dyDescent="0.15">
      <c r="A8" s="665">
        <v>3</v>
      </c>
      <c r="B8" s="659" t="s">
        <v>223</v>
      </c>
      <c r="C8" s="660">
        <v>390704</v>
      </c>
      <c r="D8" s="661">
        <v>8</v>
      </c>
      <c r="E8" s="660">
        <v>471412</v>
      </c>
      <c r="F8" s="661">
        <v>12</v>
      </c>
      <c r="G8" s="660">
        <v>546279</v>
      </c>
      <c r="H8" s="661">
        <v>4</v>
      </c>
      <c r="I8" s="660">
        <v>390743</v>
      </c>
      <c r="J8" s="663">
        <v>8</v>
      </c>
      <c r="K8" s="664"/>
      <c r="L8" s="664"/>
      <c r="M8" s="664"/>
      <c r="N8" s="664"/>
      <c r="O8" s="664"/>
      <c r="P8" s="664"/>
      <c r="Q8" s="664"/>
      <c r="R8" s="664"/>
      <c r="S8" s="664"/>
      <c r="T8" s="664"/>
      <c r="U8" s="664"/>
      <c r="V8" s="664"/>
      <c r="W8" s="664"/>
      <c r="X8" s="664"/>
      <c r="Y8" s="664"/>
      <c r="Z8" s="664"/>
      <c r="AA8" s="664"/>
      <c r="AB8" s="664"/>
      <c r="AC8" s="664"/>
      <c r="AD8" s="664"/>
      <c r="AE8" s="664"/>
      <c r="AF8" s="664"/>
      <c r="AG8" s="664"/>
      <c r="AH8" s="664"/>
      <c r="AI8" s="664"/>
      <c r="AJ8" s="664"/>
      <c r="AK8" s="664"/>
      <c r="AL8" s="664"/>
      <c r="AM8" s="664"/>
      <c r="AN8" s="572"/>
    </row>
    <row r="9" spans="1:40" ht="17.100000000000001" customHeight="1" x14ac:dyDescent="0.15">
      <c r="A9" s="665">
        <v>4</v>
      </c>
      <c r="B9" s="659" t="s">
        <v>221</v>
      </c>
      <c r="C9" s="660">
        <v>364385</v>
      </c>
      <c r="D9" s="661">
        <v>18</v>
      </c>
      <c r="E9" s="660">
        <v>564861</v>
      </c>
      <c r="F9" s="661">
        <v>5</v>
      </c>
      <c r="G9" s="660">
        <v>510392</v>
      </c>
      <c r="H9" s="661">
        <v>18</v>
      </c>
      <c r="I9" s="660">
        <v>364469</v>
      </c>
      <c r="J9" s="663">
        <v>18</v>
      </c>
      <c r="K9" s="664"/>
      <c r="L9" s="664"/>
      <c r="M9" s="664"/>
      <c r="N9" s="664"/>
      <c r="O9" s="664"/>
      <c r="P9" s="664"/>
      <c r="Q9" s="664"/>
      <c r="R9" s="664"/>
      <c r="S9" s="664"/>
      <c r="T9" s="664"/>
      <c r="U9" s="664"/>
      <c r="V9" s="664"/>
      <c r="W9" s="664"/>
      <c r="X9" s="664"/>
      <c r="Y9" s="664"/>
      <c r="Z9" s="664"/>
      <c r="AA9" s="664"/>
      <c r="AB9" s="664"/>
      <c r="AC9" s="664"/>
      <c r="AD9" s="664"/>
      <c r="AE9" s="664"/>
      <c r="AF9" s="664"/>
      <c r="AG9" s="664"/>
      <c r="AH9" s="664"/>
      <c r="AI9" s="664"/>
      <c r="AJ9" s="664"/>
      <c r="AK9" s="664"/>
      <c r="AL9" s="664"/>
      <c r="AM9" s="664"/>
      <c r="AN9" s="572"/>
    </row>
    <row r="10" spans="1:40" ht="17.100000000000001" customHeight="1" x14ac:dyDescent="0.15">
      <c r="A10" s="665">
        <v>5</v>
      </c>
      <c r="B10" s="659" t="s">
        <v>219</v>
      </c>
      <c r="C10" s="660">
        <v>354867</v>
      </c>
      <c r="D10" s="661">
        <v>23</v>
      </c>
      <c r="E10" s="660">
        <v>514736</v>
      </c>
      <c r="F10" s="661">
        <v>8</v>
      </c>
      <c r="G10" s="660">
        <v>500833</v>
      </c>
      <c r="H10" s="661">
        <v>25</v>
      </c>
      <c r="I10" s="660">
        <v>354987</v>
      </c>
      <c r="J10" s="663">
        <v>23</v>
      </c>
      <c r="K10" s="664"/>
      <c r="L10" s="664"/>
      <c r="M10" s="664"/>
      <c r="N10" s="664"/>
      <c r="O10" s="664"/>
      <c r="P10" s="664"/>
      <c r="Q10" s="664"/>
      <c r="R10" s="664"/>
      <c r="S10" s="664"/>
      <c r="T10" s="664"/>
      <c r="U10" s="664"/>
      <c r="V10" s="664"/>
      <c r="W10" s="664"/>
      <c r="X10" s="664"/>
      <c r="Y10" s="664"/>
      <c r="Z10" s="664"/>
      <c r="AA10" s="664"/>
      <c r="AB10" s="664"/>
      <c r="AC10" s="664"/>
      <c r="AD10" s="664"/>
      <c r="AE10" s="664"/>
      <c r="AF10" s="664"/>
      <c r="AG10" s="664"/>
      <c r="AH10" s="664"/>
      <c r="AI10" s="664"/>
      <c r="AJ10" s="664"/>
      <c r="AK10" s="664"/>
      <c r="AL10" s="664"/>
      <c r="AM10" s="664"/>
      <c r="AN10" s="572"/>
    </row>
    <row r="11" spans="1:40" ht="17.100000000000001" customHeight="1" x14ac:dyDescent="0.15">
      <c r="A11" s="665">
        <v>6</v>
      </c>
      <c r="B11" s="659" t="s">
        <v>217</v>
      </c>
      <c r="C11" s="660">
        <v>351686</v>
      </c>
      <c r="D11" s="661">
        <v>26</v>
      </c>
      <c r="E11" s="660">
        <v>438632</v>
      </c>
      <c r="F11" s="661">
        <v>14</v>
      </c>
      <c r="G11" s="660">
        <v>516616</v>
      </c>
      <c r="H11" s="661">
        <v>14</v>
      </c>
      <c r="I11" s="660">
        <v>351731</v>
      </c>
      <c r="J11" s="663">
        <v>26</v>
      </c>
      <c r="K11" s="664"/>
      <c r="L11" s="664"/>
      <c r="M11" s="664"/>
      <c r="N11" s="664"/>
      <c r="O11" s="664"/>
      <c r="P11" s="664"/>
      <c r="Q11" s="664"/>
      <c r="R11" s="664"/>
      <c r="S11" s="664"/>
      <c r="T11" s="664"/>
      <c r="U11" s="664"/>
      <c r="V11" s="664"/>
      <c r="W11" s="664"/>
      <c r="X11" s="664"/>
      <c r="Y11" s="664"/>
      <c r="Z11" s="664"/>
      <c r="AA11" s="664"/>
      <c r="AB11" s="664"/>
      <c r="AC11" s="664"/>
      <c r="AD11" s="664"/>
      <c r="AE11" s="664"/>
      <c r="AF11" s="664"/>
      <c r="AG11" s="664"/>
      <c r="AH11" s="664"/>
      <c r="AI11" s="664"/>
      <c r="AJ11" s="664"/>
      <c r="AK11" s="664"/>
      <c r="AL11" s="664"/>
      <c r="AM11" s="664"/>
      <c r="AN11" s="572"/>
    </row>
    <row r="12" spans="1:40" ht="17.100000000000001" customHeight="1" x14ac:dyDescent="0.15">
      <c r="A12" s="665">
        <v>7</v>
      </c>
      <c r="B12" s="659" t="s">
        <v>216</v>
      </c>
      <c r="C12" s="660">
        <v>400743</v>
      </c>
      <c r="D12" s="661">
        <v>5</v>
      </c>
      <c r="E12" s="660">
        <v>340797</v>
      </c>
      <c r="F12" s="661">
        <v>16</v>
      </c>
      <c r="G12" s="660">
        <v>548678</v>
      </c>
      <c r="H12" s="661">
        <v>3</v>
      </c>
      <c r="I12" s="660">
        <v>400678</v>
      </c>
      <c r="J12" s="663">
        <v>5</v>
      </c>
      <c r="K12" s="664"/>
      <c r="L12" s="664"/>
      <c r="M12" s="664"/>
      <c r="N12" s="664"/>
      <c r="O12" s="664"/>
      <c r="P12" s="664"/>
      <c r="Q12" s="664"/>
      <c r="R12" s="664"/>
      <c r="S12" s="664"/>
      <c r="T12" s="664"/>
      <c r="U12" s="664"/>
      <c r="V12" s="664"/>
      <c r="W12" s="664"/>
      <c r="X12" s="664"/>
      <c r="Y12" s="664"/>
      <c r="Z12" s="664"/>
      <c r="AA12" s="664"/>
      <c r="AB12" s="664"/>
      <c r="AC12" s="664"/>
      <c r="AD12" s="664"/>
      <c r="AE12" s="664"/>
      <c r="AF12" s="664"/>
      <c r="AG12" s="664"/>
      <c r="AH12" s="664"/>
      <c r="AI12" s="664"/>
      <c r="AJ12" s="664"/>
      <c r="AK12" s="664"/>
      <c r="AL12" s="664"/>
      <c r="AM12" s="664"/>
      <c r="AN12" s="572"/>
    </row>
    <row r="13" spans="1:40" ht="17.100000000000001" customHeight="1" x14ac:dyDescent="0.15">
      <c r="A13" s="665">
        <v>8</v>
      </c>
      <c r="B13" s="659" t="s">
        <v>214</v>
      </c>
      <c r="C13" s="660">
        <v>350746</v>
      </c>
      <c r="D13" s="661">
        <v>27</v>
      </c>
      <c r="E13" s="660">
        <v>559011</v>
      </c>
      <c r="F13" s="661">
        <v>6</v>
      </c>
      <c r="G13" s="660">
        <v>502863</v>
      </c>
      <c r="H13" s="661">
        <v>21</v>
      </c>
      <c r="I13" s="660">
        <v>350849</v>
      </c>
      <c r="J13" s="663">
        <v>27</v>
      </c>
      <c r="K13" s="664"/>
      <c r="L13" s="664"/>
      <c r="M13" s="664"/>
      <c r="N13" s="664"/>
      <c r="O13" s="664"/>
      <c r="P13" s="664"/>
      <c r="Q13" s="664"/>
      <c r="R13" s="664"/>
      <c r="S13" s="664"/>
      <c r="T13" s="664"/>
      <c r="U13" s="664"/>
      <c r="V13" s="664"/>
      <c r="W13" s="664"/>
      <c r="X13" s="664"/>
      <c r="Y13" s="664"/>
      <c r="Z13" s="664"/>
      <c r="AA13" s="664"/>
      <c r="AB13" s="664"/>
      <c r="AC13" s="664"/>
      <c r="AD13" s="664"/>
      <c r="AE13" s="664"/>
      <c r="AF13" s="664"/>
      <c r="AG13" s="664"/>
      <c r="AH13" s="664"/>
      <c r="AI13" s="664"/>
      <c r="AJ13" s="664"/>
      <c r="AK13" s="664"/>
      <c r="AL13" s="664"/>
      <c r="AM13" s="664"/>
      <c r="AN13" s="572"/>
    </row>
    <row r="14" spans="1:40" ht="17.100000000000001" customHeight="1" x14ac:dyDescent="0.15">
      <c r="A14" s="665">
        <v>9</v>
      </c>
      <c r="B14" s="659" t="s">
        <v>212</v>
      </c>
      <c r="C14" s="660">
        <v>377351</v>
      </c>
      <c r="D14" s="661">
        <v>12</v>
      </c>
      <c r="E14" s="660">
        <v>504503</v>
      </c>
      <c r="F14" s="661">
        <v>9</v>
      </c>
      <c r="G14" s="660">
        <v>533088</v>
      </c>
      <c r="H14" s="661">
        <v>10</v>
      </c>
      <c r="I14" s="660">
        <v>377429</v>
      </c>
      <c r="J14" s="663">
        <v>12</v>
      </c>
      <c r="K14" s="664"/>
      <c r="L14" s="664"/>
      <c r="M14" s="664"/>
      <c r="N14" s="664"/>
      <c r="O14" s="664"/>
      <c r="P14" s="664"/>
      <c r="Q14" s="664"/>
      <c r="R14" s="664"/>
      <c r="S14" s="664"/>
      <c r="T14" s="664"/>
      <c r="U14" s="664"/>
      <c r="V14" s="664"/>
      <c r="W14" s="664"/>
      <c r="X14" s="664"/>
      <c r="Y14" s="664"/>
      <c r="Z14" s="664"/>
      <c r="AA14" s="664"/>
      <c r="AB14" s="664"/>
      <c r="AC14" s="664"/>
      <c r="AD14" s="664"/>
      <c r="AE14" s="664"/>
      <c r="AF14" s="664"/>
      <c r="AG14" s="664"/>
      <c r="AH14" s="664"/>
      <c r="AI14" s="664"/>
      <c r="AJ14" s="664"/>
      <c r="AK14" s="664"/>
      <c r="AL14" s="664"/>
      <c r="AM14" s="664"/>
      <c r="AN14" s="572"/>
    </row>
    <row r="15" spans="1:40" ht="17.100000000000001" customHeight="1" x14ac:dyDescent="0.15">
      <c r="A15" s="665">
        <v>10</v>
      </c>
      <c r="B15" s="659" t="s">
        <v>210</v>
      </c>
      <c r="C15" s="660">
        <v>352717</v>
      </c>
      <c r="D15" s="661">
        <v>24</v>
      </c>
      <c r="E15" s="660">
        <v>765804</v>
      </c>
      <c r="F15" s="661">
        <v>2</v>
      </c>
      <c r="G15" s="660">
        <v>507191</v>
      </c>
      <c r="H15" s="661">
        <v>19</v>
      </c>
      <c r="I15" s="660">
        <v>352947</v>
      </c>
      <c r="J15" s="663">
        <v>24</v>
      </c>
      <c r="K15" s="664"/>
      <c r="L15" s="664"/>
      <c r="M15" s="664"/>
      <c r="N15" s="664"/>
      <c r="O15" s="664"/>
      <c r="P15" s="664"/>
      <c r="Q15" s="664"/>
      <c r="R15" s="664"/>
      <c r="S15" s="664"/>
      <c r="T15" s="664"/>
      <c r="U15" s="664"/>
      <c r="V15" s="664"/>
      <c r="W15" s="664"/>
      <c r="X15" s="664"/>
      <c r="Y15" s="664"/>
      <c r="Z15" s="664"/>
      <c r="AA15" s="664"/>
      <c r="AB15" s="664"/>
      <c r="AC15" s="664"/>
      <c r="AD15" s="664"/>
      <c r="AE15" s="664"/>
      <c r="AF15" s="664"/>
      <c r="AG15" s="664"/>
      <c r="AH15" s="664"/>
      <c r="AI15" s="664"/>
      <c r="AJ15" s="664"/>
      <c r="AK15" s="664"/>
      <c r="AL15" s="664"/>
      <c r="AM15" s="664"/>
      <c r="AN15" s="572"/>
    </row>
    <row r="16" spans="1:40" ht="17.100000000000001" customHeight="1" x14ac:dyDescent="0.15">
      <c r="A16" s="665">
        <v>11</v>
      </c>
      <c r="B16" s="659" t="s">
        <v>208</v>
      </c>
      <c r="C16" s="660">
        <v>371744</v>
      </c>
      <c r="D16" s="661">
        <v>14</v>
      </c>
      <c r="E16" s="660">
        <v>489524</v>
      </c>
      <c r="F16" s="661">
        <v>10</v>
      </c>
      <c r="G16" s="660">
        <v>537333</v>
      </c>
      <c r="H16" s="661">
        <v>8</v>
      </c>
      <c r="I16" s="660">
        <v>371852</v>
      </c>
      <c r="J16" s="663">
        <v>14</v>
      </c>
      <c r="K16" s="664"/>
      <c r="L16" s="664"/>
      <c r="M16" s="664"/>
      <c r="N16" s="664"/>
      <c r="O16" s="664"/>
      <c r="P16" s="664"/>
      <c r="Q16" s="664"/>
      <c r="R16" s="664"/>
      <c r="S16" s="664"/>
      <c r="T16" s="664"/>
      <c r="U16" s="664"/>
      <c r="V16" s="664"/>
      <c r="W16" s="664"/>
      <c r="X16" s="664"/>
      <c r="Y16" s="664"/>
      <c r="Z16" s="664"/>
      <c r="AA16" s="664"/>
      <c r="AB16" s="664"/>
      <c r="AC16" s="664"/>
      <c r="AD16" s="664"/>
      <c r="AE16" s="664"/>
      <c r="AF16" s="664"/>
      <c r="AG16" s="664"/>
      <c r="AH16" s="664"/>
      <c r="AI16" s="664"/>
      <c r="AJ16" s="664"/>
      <c r="AK16" s="664"/>
      <c r="AL16" s="664"/>
      <c r="AM16" s="664"/>
      <c r="AN16" s="572"/>
    </row>
    <row r="17" spans="1:40" ht="17.100000000000001" customHeight="1" x14ac:dyDescent="0.15">
      <c r="A17" s="665">
        <v>12</v>
      </c>
      <c r="B17" s="659" t="s">
        <v>206</v>
      </c>
      <c r="C17" s="660">
        <v>362478</v>
      </c>
      <c r="D17" s="661">
        <v>20</v>
      </c>
      <c r="E17" s="660">
        <v>185055</v>
      </c>
      <c r="F17" s="661">
        <v>24</v>
      </c>
      <c r="G17" s="660">
        <v>486892</v>
      </c>
      <c r="H17" s="661">
        <v>30</v>
      </c>
      <c r="I17" s="660">
        <v>362354</v>
      </c>
      <c r="J17" s="663">
        <v>20</v>
      </c>
      <c r="K17" s="664"/>
      <c r="L17" s="664"/>
      <c r="M17" s="664"/>
      <c r="N17" s="664"/>
      <c r="O17" s="664"/>
      <c r="P17" s="664"/>
      <c r="Q17" s="664"/>
      <c r="R17" s="664"/>
      <c r="S17" s="664"/>
      <c r="T17" s="664"/>
      <c r="U17" s="664"/>
      <c r="V17" s="664"/>
      <c r="W17" s="664"/>
      <c r="X17" s="664"/>
      <c r="Y17" s="664"/>
      <c r="Z17" s="664"/>
      <c r="AA17" s="664"/>
      <c r="AB17" s="664"/>
      <c r="AC17" s="664"/>
      <c r="AD17" s="664"/>
      <c r="AE17" s="664"/>
      <c r="AF17" s="664"/>
      <c r="AG17" s="664"/>
      <c r="AH17" s="664"/>
      <c r="AI17" s="664"/>
      <c r="AJ17" s="664"/>
      <c r="AK17" s="664"/>
      <c r="AL17" s="664"/>
      <c r="AM17" s="664"/>
      <c r="AN17" s="572"/>
    </row>
    <row r="18" spans="1:40" ht="17.100000000000001" customHeight="1" x14ac:dyDescent="0.15">
      <c r="A18" s="665">
        <v>13</v>
      </c>
      <c r="B18" s="659" t="s">
        <v>204</v>
      </c>
      <c r="C18" s="660">
        <v>351865</v>
      </c>
      <c r="D18" s="661">
        <v>25</v>
      </c>
      <c r="E18" s="660">
        <v>481400</v>
      </c>
      <c r="F18" s="661">
        <v>11</v>
      </c>
      <c r="G18" s="660">
        <v>493759</v>
      </c>
      <c r="H18" s="661">
        <v>27</v>
      </c>
      <c r="I18" s="660">
        <v>351968</v>
      </c>
      <c r="J18" s="663">
        <v>25</v>
      </c>
      <c r="K18" s="664"/>
      <c r="L18" s="664"/>
      <c r="M18" s="664"/>
      <c r="N18" s="664"/>
      <c r="O18" s="664"/>
      <c r="P18" s="664"/>
      <c r="Q18" s="664"/>
      <c r="R18" s="664"/>
      <c r="S18" s="664"/>
      <c r="T18" s="664"/>
      <c r="U18" s="664"/>
      <c r="V18" s="664"/>
      <c r="W18" s="664"/>
      <c r="X18" s="664"/>
      <c r="Y18" s="664"/>
      <c r="Z18" s="664"/>
      <c r="AA18" s="664"/>
      <c r="AB18" s="664"/>
      <c r="AC18" s="664"/>
      <c r="AD18" s="664"/>
      <c r="AE18" s="664"/>
      <c r="AF18" s="664"/>
      <c r="AG18" s="664"/>
      <c r="AH18" s="664"/>
      <c r="AI18" s="664"/>
      <c r="AJ18" s="664"/>
      <c r="AK18" s="664"/>
      <c r="AL18" s="664"/>
      <c r="AM18" s="664"/>
      <c r="AN18" s="572"/>
    </row>
    <row r="19" spans="1:40" ht="17.100000000000001" customHeight="1" x14ac:dyDescent="0.15">
      <c r="A19" s="665">
        <v>14</v>
      </c>
      <c r="B19" s="659" t="s">
        <v>202</v>
      </c>
      <c r="C19" s="660">
        <v>342699</v>
      </c>
      <c r="D19" s="661">
        <v>31</v>
      </c>
      <c r="E19" s="660">
        <v>258849</v>
      </c>
      <c r="F19" s="661">
        <v>21</v>
      </c>
      <c r="G19" s="660">
        <v>501214</v>
      </c>
      <c r="H19" s="661">
        <v>24</v>
      </c>
      <c r="I19" s="660">
        <v>342671</v>
      </c>
      <c r="J19" s="663">
        <v>31</v>
      </c>
      <c r="K19" s="664"/>
      <c r="L19" s="664"/>
      <c r="M19" s="664"/>
      <c r="N19" s="664"/>
      <c r="O19" s="664"/>
      <c r="P19" s="664"/>
      <c r="Q19" s="664"/>
      <c r="R19" s="664"/>
      <c r="S19" s="664"/>
      <c r="T19" s="664"/>
      <c r="U19" s="664"/>
      <c r="V19" s="664"/>
      <c r="W19" s="664"/>
      <c r="X19" s="664"/>
      <c r="Y19" s="664"/>
      <c r="Z19" s="664"/>
      <c r="AA19" s="664"/>
      <c r="AB19" s="664"/>
      <c r="AC19" s="664"/>
      <c r="AD19" s="664"/>
      <c r="AE19" s="664"/>
      <c r="AF19" s="664"/>
      <c r="AG19" s="664"/>
      <c r="AH19" s="664"/>
      <c r="AI19" s="664"/>
      <c r="AJ19" s="664"/>
      <c r="AK19" s="664"/>
      <c r="AL19" s="664"/>
      <c r="AM19" s="664"/>
      <c r="AN19" s="572"/>
    </row>
    <row r="20" spans="1:40" ht="17.100000000000001" customHeight="1" x14ac:dyDescent="0.15">
      <c r="A20" s="665">
        <v>15</v>
      </c>
      <c r="B20" s="659" t="s">
        <v>200</v>
      </c>
      <c r="C20" s="660">
        <v>372100</v>
      </c>
      <c r="D20" s="661">
        <v>13</v>
      </c>
      <c r="E20" s="660">
        <v>673586</v>
      </c>
      <c r="F20" s="661">
        <v>3</v>
      </c>
      <c r="G20" s="660">
        <v>514640</v>
      </c>
      <c r="H20" s="661">
        <v>15</v>
      </c>
      <c r="I20" s="660">
        <v>372476</v>
      </c>
      <c r="J20" s="663">
        <v>13</v>
      </c>
      <c r="K20" s="664"/>
      <c r="L20" s="664"/>
      <c r="M20" s="664"/>
      <c r="N20" s="664"/>
      <c r="O20" s="664"/>
      <c r="P20" s="664"/>
      <c r="Q20" s="664"/>
      <c r="R20" s="664"/>
      <c r="S20" s="664"/>
      <c r="T20" s="664"/>
      <c r="U20" s="664"/>
      <c r="V20" s="664"/>
      <c r="W20" s="664"/>
      <c r="X20" s="664"/>
      <c r="Y20" s="664"/>
      <c r="Z20" s="664"/>
      <c r="AA20" s="664"/>
      <c r="AB20" s="664"/>
      <c r="AC20" s="664"/>
      <c r="AD20" s="664"/>
      <c r="AE20" s="664"/>
      <c r="AF20" s="664"/>
      <c r="AG20" s="664"/>
      <c r="AH20" s="664"/>
      <c r="AI20" s="664"/>
      <c r="AJ20" s="664"/>
      <c r="AK20" s="664"/>
      <c r="AL20" s="664"/>
      <c r="AM20" s="664"/>
      <c r="AN20" s="572"/>
    </row>
    <row r="21" spans="1:40" ht="17.100000000000001" customHeight="1" x14ac:dyDescent="0.15">
      <c r="A21" s="665">
        <v>16</v>
      </c>
      <c r="B21" s="659" t="s">
        <v>198</v>
      </c>
      <c r="C21" s="660">
        <v>349561</v>
      </c>
      <c r="D21" s="661">
        <v>29</v>
      </c>
      <c r="E21" s="660">
        <v>125240</v>
      </c>
      <c r="F21" s="661">
        <v>28</v>
      </c>
      <c r="G21" s="660">
        <v>471362</v>
      </c>
      <c r="H21" s="661">
        <v>31</v>
      </c>
      <c r="I21" s="660">
        <v>349480</v>
      </c>
      <c r="J21" s="663">
        <v>29</v>
      </c>
      <c r="K21" s="664"/>
      <c r="L21" s="664"/>
      <c r="M21" s="664"/>
      <c r="N21" s="664"/>
      <c r="O21" s="664"/>
      <c r="P21" s="664"/>
      <c r="Q21" s="664"/>
      <c r="R21" s="664"/>
      <c r="S21" s="664"/>
      <c r="T21" s="664"/>
      <c r="U21" s="664"/>
      <c r="V21" s="664"/>
      <c r="W21" s="664"/>
      <c r="X21" s="664"/>
      <c r="Y21" s="664"/>
      <c r="Z21" s="664"/>
      <c r="AA21" s="664"/>
      <c r="AB21" s="664"/>
      <c r="AC21" s="664"/>
      <c r="AD21" s="664"/>
      <c r="AE21" s="664"/>
      <c r="AF21" s="664"/>
      <c r="AG21" s="664"/>
      <c r="AH21" s="664"/>
      <c r="AI21" s="664"/>
      <c r="AJ21" s="664"/>
      <c r="AK21" s="664"/>
      <c r="AL21" s="664"/>
      <c r="AM21" s="664"/>
      <c r="AN21" s="572"/>
    </row>
    <row r="22" spans="1:40" ht="17.100000000000001" customHeight="1" x14ac:dyDescent="0.15">
      <c r="A22" s="665">
        <v>17</v>
      </c>
      <c r="B22" s="659" t="s">
        <v>196</v>
      </c>
      <c r="C22" s="660">
        <v>348467</v>
      </c>
      <c r="D22" s="661">
        <v>30</v>
      </c>
      <c r="E22" s="660">
        <v>248430</v>
      </c>
      <c r="F22" s="661">
        <v>22</v>
      </c>
      <c r="G22" s="660">
        <v>501892</v>
      </c>
      <c r="H22" s="661">
        <v>23</v>
      </c>
      <c r="I22" s="660">
        <v>348412</v>
      </c>
      <c r="J22" s="663">
        <v>30</v>
      </c>
      <c r="K22" s="664"/>
      <c r="L22" s="664"/>
      <c r="M22" s="664"/>
      <c r="N22" s="664"/>
      <c r="O22" s="664"/>
      <c r="P22" s="664"/>
      <c r="Q22" s="664"/>
      <c r="R22" s="664"/>
      <c r="S22" s="664"/>
      <c r="T22" s="664"/>
      <c r="U22" s="664"/>
      <c r="V22" s="664"/>
      <c r="W22" s="664"/>
      <c r="X22" s="664"/>
      <c r="Y22" s="664"/>
      <c r="Z22" s="664"/>
      <c r="AA22" s="664"/>
      <c r="AB22" s="664"/>
      <c r="AC22" s="664"/>
      <c r="AD22" s="664"/>
      <c r="AE22" s="664"/>
      <c r="AF22" s="664"/>
      <c r="AG22" s="664"/>
      <c r="AH22" s="664"/>
      <c r="AI22" s="664"/>
      <c r="AJ22" s="664"/>
      <c r="AK22" s="664"/>
      <c r="AL22" s="664"/>
      <c r="AM22" s="664"/>
      <c r="AN22" s="572"/>
    </row>
    <row r="23" spans="1:40" ht="17.100000000000001" customHeight="1" x14ac:dyDescent="0.15">
      <c r="A23" s="665">
        <v>18</v>
      </c>
      <c r="B23" s="659" t="s">
        <v>194</v>
      </c>
      <c r="C23" s="660">
        <v>395852</v>
      </c>
      <c r="D23" s="661">
        <v>7</v>
      </c>
      <c r="E23" s="660">
        <v>448856</v>
      </c>
      <c r="F23" s="661">
        <v>13</v>
      </c>
      <c r="G23" s="660">
        <v>518535</v>
      </c>
      <c r="H23" s="661">
        <v>13</v>
      </c>
      <c r="I23" s="660">
        <v>395977</v>
      </c>
      <c r="J23" s="663">
        <v>7</v>
      </c>
      <c r="K23" s="664"/>
      <c r="L23" s="664"/>
      <c r="M23" s="664"/>
      <c r="N23" s="664"/>
      <c r="O23" s="664"/>
      <c r="P23" s="664"/>
      <c r="Q23" s="664"/>
      <c r="R23" s="664"/>
      <c r="S23" s="664"/>
      <c r="T23" s="664"/>
      <c r="U23" s="664"/>
      <c r="V23" s="664"/>
      <c r="W23" s="664"/>
      <c r="X23" s="664"/>
      <c r="Y23" s="664"/>
      <c r="Z23" s="664"/>
      <c r="AA23" s="664"/>
      <c r="AB23" s="664"/>
      <c r="AC23" s="664"/>
      <c r="AD23" s="664"/>
      <c r="AE23" s="664"/>
      <c r="AF23" s="664"/>
      <c r="AG23" s="664"/>
      <c r="AH23" s="664"/>
      <c r="AI23" s="664"/>
      <c r="AJ23" s="664"/>
      <c r="AK23" s="664"/>
      <c r="AL23" s="664"/>
      <c r="AM23" s="664"/>
      <c r="AN23" s="572"/>
    </row>
    <row r="24" spans="1:40" ht="17.100000000000001" customHeight="1" x14ac:dyDescent="0.15">
      <c r="A24" s="658">
        <v>19</v>
      </c>
      <c r="B24" s="667" t="s">
        <v>192</v>
      </c>
      <c r="C24" s="660">
        <v>329019</v>
      </c>
      <c r="D24" s="661">
        <v>33</v>
      </c>
      <c r="E24" s="660">
        <v>206560</v>
      </c>
      <c r="F24" s="661">
        <v>23</v>
      </c>
      <c r="G24" s="660">
        <v>514061</v>
      </c>
      <c r="H24" s="661">
        <v>16</v>
      </c>
      <c r="I24" s="660">
        <v>328958</v>
      </c>
      <c r="J24" s="663">
        <v>33</v>
      </c>
      <c r="K24" s="664"/>
      <c r="L24" s="664"/>
      <c r="M24" s="664"/>
      <c r="N24" s="664"/>
      <c r="O24" s="664"/>
      <c r="P24" s="664"/>
      <c r="Q24" s="664"/>
      <c r="R24" s="664"/>
      <c r="S24" s="664"/>
      <c r="T24" s="664"/>
      <c r="U24" s="664"/>
      <c r="V24" s="664"/>
      <c r="W24" s="664"/>
      <c r="X24" s="664"/>
      <c r="Y24" s="664"/>
      <c r="Z24" s="664"/>
      <c r="AA24" s="664"/>
      <c r="AB24" s="664"/>
      <c r="AC24" s="664"/>
      <c r="AD24" s="664"/>
      <c r="AE24" s="664"/>
      <c r="AF24" s="664"/>
      <c r="AG24" s="664"/>
      <c r="AH24" s="664"/>
      <c r="AI24" s="664"/>
      <c r="AJ24" s="664"/>
      <c r="AK24" s="664"/>
      <c r="AL24" s="664"/>
      <c r="AM24" s="664"/>
      <c r="AN24" s="572"/>
    </row>
    <row r="25" spans="1:40" ht="17.100000000000001" customHeight="1" x14ac:dyDescent="0.15">
      <c r="A25" s="665">
        <v>20</v>
      </c>
      <c r="B25" s="659" t="s">
        <v>191</v>
      </c>
      <c r="C25" s="660">
        <v>357045</v>
      </c>
      <c r="D25" s="661">
        <v>21</v>
      </c>
      <c r="E25" s="660">
        <v>349849</v>
      </c>
      <c r="F25" s="661">
        <v>15</v>
      </c>
      <c r="G25" s="660">
        <v>488969</v>
      </c>
      <c r="H25" s="661">
        <v>29</v>
      </c>
      <c r="I25" s="660">
        <v>357040</v>
      </c>
      <c r="J25" s="663">
        <v>21</v>
      </c>
      <c r="K25" s="664"/>
      <c r="L25" s="664"/>
      <c r="M25" s="664"/>
      <c r="N25" s="664"/>
      <c r="O25" s="664"/>
      <c r="P25" s="664"/>
      <c r="Q25" s="664"/>
      <c r="R25" s="664"/>
      <c r="S25" s="664"/>
      <c r="T25" s="664"/>
      <c r="U25" s="664"/>
      <c r="V25" s="664"/>
      <c r="W25" s="664"/>
      <c r="X25" s="664"/>
      <c r="Y25" s="664"/>
      <c r="Z25" s="664"/>
      <c r="AA25" s="664"/>
      <c r="AB25" s="664"/>
      <c r="AC25" s="664"/>
      <c r="AD25" s="664"/>
      <c r="AE25" s="664"/>
      <c r="AF25" s="664"/>
      <c r="AG25" s="664"/>
      <c r="AH25" s="664"/>
      <c r="AI25" s="664"/>
      <c r="AJ25" s="664"/>
      <c r="AK25" s="664"/>
      <c r="AL25" s="664"/>
      <c r="AM25" s="664"/>
      <c r="AN25" s="572"/>
    </row>
    <row r="26" spans="1:40" ht="17.100000000000001" customHeight="1" x14ac:dyDescent="0.15">
      <c r="A26" s="665">
        <v>21</v>
      </c>
      <c r="B26" s="659" t="s">
        <v>189</v>
      </c>
      <c r="C26" s="660">
        <v>355184</v>
      </c>
      <c r="D26" s="661">
        <v>22</v>
      </c>
      <c r="E26" s="660">
        <v>287245</v>
      </c>
      <c r="F26" s="661">
        <v>20</v>
      </c>
      <c r="G26" s="660">
        <v>506135</v>
      </c>
      <c r="H26" s="661">
        <v>20</v>
      </c>
      <c r="I26" s="660">
        <v>355133</v>
      </c>
      <c r="J26" s="668">
        <v>22</v>
      </c>
      <c r="K26" s="664"/>
      <c r="L26" s="664"/>
      <c r="M26" s="664"/>
      <c r="N26" s="664"/>
      <c r="O26" s="664"/>
      <c r="P26" s="664"/>
      <c r="Q26" s="664"/>
      <c r="R26" s="664"/>
      <c r="S26" s="664"/>
      <c r="T26" s="664"/>
      <c r="U26" s="664"/>
      <c r="V26" s="664"/>
      <c r="W26" s="664"/>
      <c r="X26" s="664"/>
      <c r="Y26" s="664"/>
      <c r="Z26" s="664"/>
      <c r="AA26" s="664"/>
      <c r="AB26" s="664"/>
      <c r="AC26" s="664"/>
      <c r="AD26" s="664"/>
      <c r="AE26" s="664"/>
      <c r="AF26" s="664"/>
      <c r="AG26" s="664"/>
      <c r="AH26" s="664"/>
      <c r="AI26" s="664"/>
      <c r="AJ26" s="664"/>
      <c r="AK26" s="664"/>
      <c r="AL26" s="664"/>
      <c r="AM26" s="664"/>
      <c r="AN26" s="572"/>
    </row>
    <row r="27" spans="1:40" ht="17.100000000000001" customHeight="1" x14ac:dyDescent="0.15">
      <c r="A27" s="665">
        <v>22</v>
      </c>
      <c r="B27" s="659" t="s">
        <v>187</v>
      </c>
      <c r="C27" s="660">
        <v>381723</v>
      </c>
      <c r="D27" s="661">
        <v>9</v>
      </c>
      <c r="E27" s="660">
        <v>322450</v>
      </c>
      <c r="F27" s="661">
        <v>18</v>
      </c>
      <c r="G27" s="660">
        <v>502344</v>
      </c>
      <c r="H27" s="661">
        <v>22</v>
      </c>
      <c r="I27" s="660">
        <v>381701</v>
      </c>
      <c r="J27" s="668">
        <v>9</v>
      </c>
      <c r="K27" s="664"/>
      <c r="L27" s="664"/>
      <c r="M27" s="664"/>
      <c r="N27" s="664"/>
      <c r="O27" s="664"/>
      <c r="P27" s="664"/>
      <c r="Q27" s="664"/>
      <c r="R27" s="664"/>
      <c r="S27" s="664"/>
      <c r="T27" s="664"/>
      <c r="U27" s="664"/>
      <c r="V27" s="664"/>
      <c r="W27" s="664"/>
      <c r="X27" s="664"/>
      <c r="Y27" s="664"/>
      <c r="Z27" s="664"/>
      <c r="AA27" s="664"/>
      <c r="AB27" s="664"/>
      <c r="AC27" s="664"/>
      <c r="AD27" s="664"/>
      <c r="AE27" s="664"/>
      <c r="AF27" s="664"/>
      <c r="AG27" s="664"/>
      <c r="AH27" s="664"/>
      <c r="AI27" s="664"/>
      <c r="AJ27" s="664"/>
      <c r="AK27" s="664"/>
      <c r="AL27" s="664"/>
      <c r="AM27" s="664"/>
      <c r="AN27" s="572"/>
    </row>
    <row r="28" spans="1:40" ht="17.100000000000001" customHeight="1" x14ac:dyDescent="0.15">
      <c r="A28" s="665">
        <v>23</v>
      </c>
      <c r="B28" s="659" t="s">
        <v>185</v>
      </c>
      <c r="C28" s="660">
        <v>370452</v>
      </c>
      <c r="D28" s="661">
        <v>15</v>
      </c>
      <c r="E28" s="660">
        <v>319716</v>
      </c>
      <c r="F28" s="661">
        <v>19</v>
      </c>
      <c r="G28" s="660">
        <v>489989</v>
      </c>
      <c r="H28" s="661">
        <v>28</v>
      </c>
      <c r="I28" s="660">
        <v>370383</v>
      </c>
      <c r="J28" s="663">
        <v>15</v>
      </c>
      <c r="K28" s="664"/>
      <c r="L28" s="664"/>
      <c r="M28" s="664"/>
      <c r="N28" s="664"/>
      <c r="O28" s="664"/>
      <c r="P28" s="664"/>
      <c r="Q28" s="664"/>
      <c r="R28" s="664"/>
      <c r="S28" s="664"/>
      <c r="T28" s="664"/>
      <c r="U28" s="664"/>
      <c r="V28" s="664"/>
      <c r="W28" s="664"/>
      <c r="X28" s="664"/>
      <c r="Y28" s="664"/>
      <c r="Z28" s="664"/>
      <c r="AA28" s="664"/>
      <c r="AB28" s="664"/>
      <c r="AC28" s="664"/>
      <c r="AD28" s="664"/>
      <c r="AE28" s="664"/>
      <c r="AF28" s="664"/>
      <c r="AG28" s="664"/>
      <c r="AH28" s="664"/>
      <c r="AI28" s="664"/>
      <c r="AJ28" s="664"/>
      <c r="AK28" s="664"/>
      <c r="AL28" s="664"/>
      <c r="AM28" s="664"/>
      <c r="AN28" s="572"/>
    </row>
    <row r="29" spans="1:40" ht="17.100000000000001" customHeight="1" x14ac:dyDescent="0.15">
      <c r="A29" s="665">
        <v>24</v>
      </c>
      <c r="B29" s="659" t="s">
        <v>183</v>
      </c>
      <c r="C29" s="660">
        <v>399533</v>
      </c>
      <c r="D29" s="661">
        <v>6</v>
      </c>
      <c r="E29" s="660">
        <v>162458</v>
      </c>
      <c r="F29" s="661">
        <v>26</v>
      </c>
      <c r="G29" s="660">
        <v>500279</v>
      </c>
      <c r="H29" s="661">
        <v>26</v>
      </c>
      <c r="I29" s="660">
        <v>399054</v>
      </c>
      <c r="J29" s="663">
        <v>6</v>
      </c>
      <c r="K29" s="664"/>
      <c r="L29" s="664"/>
      <c r="M29" s="664"/>
      <c r="N29" s="664"/>
      <c r="O29" s="664"/>
      <c r="P29" s="664"/>
      <c r="Q29" s="664"/>
      <c r="R29" s="664"/>
      <c r="S29" s="664"/>
      <c r="T29" s="664"/>
      <c r="U29" s="664"/>
      <c r="V29" s="664"/>
      <c r="W29" s="664"/>
      <c r="X29" s="664"/>
      <c r="Y29" s="664"/>
      <c r="Z29" s="664"/>
      <c r="AA29" s="664"/>
      <c r="AB29" s="664"/>
      <c r="AC29" s="664"/>
      <c r="AD29" s="664"/>
      <c r="AE29" s="664"/>
      <c r="AF29" s="664"/>
      <c r="AG29" s="664"/>
      <c r="AH29" s="664"/>
      <c r="AI29" s="664"/>
      <c r="AJ29" s="664"/>
      <c r="AK29" s="664"/>
      <c r="AL29" s="664"/>
      <c r="AM29" s="664"/>
      <c r="AN29" s="572"/>
    </row>
    <row r="30" spans="1:40" ht="17.100000000000001" customHeight="1" x14ac:dyDescent="0.15">
      <c r="A30" s="665">
        <v>25</v>
      </c>
      <c r="B30" s="659" t="s">
        <v>181</v>
      </c>
      <c r="C30" s="660">
        <v>333819</v>
      </c>
      <c r="D30" s="661">
        <v>32</v>
      </c>
      <c r="E30" s="660">
        <v>332593</v>
      </c>
      <c r="F30" s="661">
        <v>17</v>
      </c>
      <c r="G30" s="660">
        <v>459145</v>
      </c>
      <c r="H30" s="661">
        <v>32</v>
      </c>
      <c r="I30" s="660">
        <v>333818</v>
      </c>
      <c r="J30" s="663">
        <v>32</v>
      </c>
      <c r="K30" s="664"/>
      <c r="L30" s="664"/>
      <c r="M30" s="664"/>
      <c r="N30" s="664"/>
      <c r="O30" s="664"/>
      <c r="P30" s="664"/>
      <c r="Q30" s="664"/>
      <c r="R30" s="664"/>
      <c r="S30" s="664"/>
      <c r="T30" s="664"/>
      <c r="U30" s="664"/>
      <c r="V30" s="664"/>
      <c r="W30" s="664"/>
      <c r="X30" s="664"/>
      <c r="Y30" s="664"/>
      <c r="Z30" s="664"/>
      <c r="AA30" s="664"/>
      <c r="AB30" s="664"/>
      <c r="AC30" s="664"/>
      <c r="AD30" s="664"/>
      <c r="AE30" s="664"/>
      <c r="AF30" s="664"/>
      <c r="AG30" s="664"/>
      <c r="AH30" s="664"/>
      <c r="AI30" s="664"/>
      <c r="AJ30" s="664"/>
      <c r="AK30" s="664"/>
      <c r="AL30" s="664"/>
      <c r="AM30" s="664"/>
      <c r="AN30" s="572"/>
    </row>
    <row r="31" spans="1:40" ht="17.100000000000001" customHeight="1" x14ac:dyDescent="0.15">
      <c r="A31" s="665">
        <v>26</v>
      </c>
      <c r="B31" s="659" t="s">
        <v>179</v>
      </c>
      <c r="C31" s="660">
        <v>405542</v>
      </c>
      <c r="D31" s="661">
        <v>4</v>
      </c>
      <c r="E31" s="660">
        <v>130903</v>
      </c>
      <c r="F31" s="661">
        <v>27</v>
      </c>
      <c r="G31" s="660">
        <v>538516</v>
      </c>
      <c r="H31" s="661">
        <v>7</v>
      </c>
      <c r="I31" s="660">
        <v>404340</v>
      </c>
      <c r="J31" s="663">
        <v>4</v>
      </c>
      <c r="K31" s="664"/>
      <c r="L31" s="664"/>
      <c r="M31" s="664"/>
      <c r="N31" s="664"/>
      <c r="O31" s="664"/>
      <c r="P31" s="664"/>
      <c r="Q31" s="664"/>
      <c r="R31" s="664"/>
      <c r="S31" s="664"/>
      <c r="T31" s="664"/>
      <c r="U31" s="664"/>
      <c r="V31" s="664"/>
      <c r="W31" s="664"/>
      <c r="X31" s="664"/>
      <c r="Y31" s="664"/>
      <c r="Z31" s="664"/>
      <c r="AA31" s="664"/>
      <c r="AB31" s="664"/>
      <c r="AC31" s="664"/>
      <c r="AD31" s="664"/>
      <c r="AE31" s="664"/>
      <c r="AF31" s="664"/>
      <c r="AG31" s="664"/>
      <c r="AH31" s="664"/>
      <c r="AI31" s="664"/>
      <c r="AJ31" s="664"/>
      <c r="AK31" s="664"/>
      <c r="AL31" s="664"/>
      <c r="AM31" s="664"/>
      <c r="AN31" s="572"/>
    </row>
    <row r="32" spans="1:40" ht="17.100000000000001" customHeight="1" x14ac:dyDescent="0.15">
      <c r="A32" s="665">
        <v>27</v>
      </c>
      <c r="B32" s="659" t="s">
        <v>176</v>
      </c>
      <c r="C32" s="660">
        <v>452935</v>
      </c>
      <c r="D32" s="661">
        <v>1</v>
      </c>
      <c r="E32" s="660">
        <v>43820</v>
      </c>
      <c r="F32" s="661">
        <v>31</v>
      </c>
      <c r="G32" s="660">
        <v>555886</v>
      </c>
      <c r="H32" s="661">
        <v>2</v>
      </c>
      <c r="I32" s="660">
        <v>452630</v>
      </c>
      <c r="J32" s="663">
        <v>1</v>
      </c>
      <c r="K32" s="664"/>
      <c r="L32" s="664"/>
      <c r="M32" s="664"/>
      <c r="N32" s="664"/>
      <c r="O32" s="664"/>
      <c r="P32" s="664"/>
      <c r="Q32" s="664"/>
      <c r="R32" s="664"/>
      <c r="S32" s="664"/>
      <c r="T32" s="664"/>
      <c r="U32" s="664"/>
      <c r="V32" s="664"/>
      <c r="W32" s="664"/>
      <c r="X32" s="664"/>
      <c r="Y32" s="664"/>
      <c r="Z32" s="664"/>
      <c r="AA32" s="664"/>
      <c r="AB32" s="664"/>
      <c r="AC32" s="664"/>
      <c r="AD32" s="664"/>
      <c r="AE32" s="664"/>
      <c r="AF32" s="664"/>
      <c r="AG32" s="664"/>
      <c r="AH32" s="664"/>
      <c r="AI32" s="664"/>
      <c r="AJ32" s="664"/>
      <c r="AK32" s="664"/>
      <c r="AL32" s="664"/>
      <c r="AM32" s="664"/>
      <c r="AN32" s="572"/>
    </row>
    <row r="33" spans="1:40" ht="17.100000000000001" customHeight="1" x14ac:dyDescent="0.15">
      <c r="A33" s="665">
        <v>28</v>
      </c>
      <c r="B33" s="659" t="s">
        <v>174</v>
      </c>
      <c r="C33" s="660">
        <v>408134</v>
      </c>
      <c r="D33" s="661">
        <v>3</v>
      </c>
      <c r="E33" s="660">
        <v>1651502</v>
      </c>
      <c r="F33" s="661">
        <v>1</v>
      </c>
      <c r="G33" s="660">
        <v>523783</v>
      </c>
      <c r="H33" s="661">
        <v>11</v>
      </c>
      <c r="I33" s="660">
        <v>410838</v>
      </c>
      <c r="J33" s="663">
        <v>3</v>
      </c>
      <c r="K33" s="664"/>
      <c r="L33" s="664"/>
      <c r="M33" s="664"/>
      <c r="N33" s="664"/>
      <c r="O33" s="664"/>
      <c r="P33" s="664"/>
      <c r="Q33" s="664"/>
      <c r="R33" s="664"/>
      <c r="S33" s="664"/>
      <c r="T33" s="664"/>
      <c r="U33" s="664"/>
      <c r="V33" s="664"/>
      <c r="W33" s="664"/>
      <c r="X33" s="664"/>
      <c r="Y33" s="664"/>
      <c r="Z33" s="664"/>
      <c r="AA33" s="664"/>
      <c r="AB33" s="664"/>
      <c r="AC33" s="664"/>
      <c r="AD33" s="664"/>
      <c r="AE33" s="664"/>
      <c r="AF33" s="664"/>
      <c r="AG33" s="664"/>
      <c r="AH33" s="664"/>
      <c r="AI33" s="664"/>
      <c r="AJ33" s="664"/>
      <c r="AK33" s="664"/>
      <c r="AL33" s="664"/>
      <c r="AM33" s="664"/>
      <c r="AN33" s="572"/>
    </row>
    <row r="34" spans="1:40" ht="17.100000000000001" customHeight="1" x14ac:dyDescent="0.15">
      <c r="A34" s="665">
        <v>29</v>
      </c>
      <c r="B34" s="659" t="s">
        <v>172</v>
      </c>
      <c r="C34" s="660">
        <v>366367</v>
      </c>
      <c r="D34" s="661">
        <v>17</v>
      </c>
      <c r="E34" s="660">
        <v>51382</v>
      </c>
      <c r="F34" s="661">
        <v>30</v>
      </c>
      <c r="G34" s="660">
        <v>544027</v>
      </c>
      <c r="H34" s="661">
        <v>5</v>
      </c>
      <c r="I34" s="660">
        <v>365827</v>
      </c>
      <c r="J34" s="663">
        <v>17</v>
      </c>
      <c r="K34" s="664"/>
      <c r="L34" s="664"/>
      <c r="M34" s="664"/>
      <c r="N34" s="664"/>
      <c r="O34" s="664"/>
      <c r="P34" s="664"/>
      <c r="Q34" s="664"/>
      <c r="R34" s="664"/>
      <c r="S34" s="664"/>
      <c r="T34" s="664"/>
      <c r="U34" s="664"/>
      <c r="V34" s="664"/>
      <c r="W34" s="664"/>
      <c r="X34" s="664"/>
      <c r="Y34" s="664"/>
      <c r="Z34" s="664"/>
      <c r="AA34" s="664"/>
      <c r="AB34" s="664"/>
      <c r="AC34" s="664"/>
      <c r="AD34" s="664"/>
      <c r="AE34" s="664"/>
      <c r="AF34" s="664"/>
      <c r="AG34" s="664"/>
      <c r="AH34" s="664"/>
      <c r="AI34" s="664"/>
      <c r="AJ34" s="664"/>
      <c r="AK34" s="664"/>
      <c r="AL34" s="664"/>
      <c r="AM34" s="664"/>
      <c r="AN34" s="572"/>
    </row>
    <row r="35" spans="1:40" ht="17.100000000000001" customHeight="1" x14ac:dyDescent="0.15">
      <c r="A35" s="665">
        <v>30</v>
      </c>
      <c r="B35" s="659" t="s">
        <v>170</v>
      </c>
      <c r="C35" s="660">
        <v>422771</v>
      </c>
      <c r="D35" s="661">
        <v>2</v>
      </c>
      <c r="E35" s="660">
        <v>0</v>
      </c>
      <c r="F35" s="661">
        <v>32</v>
      </c>
      <c r="G35" s="660">
        <v>541500</v>
      </c>
      <c r="H35" s="661">
        <v>6</v>
      </c>
      <c r="I35" s="660">
        <v>422771</v>
      </c>
      <c r="J35" s="663">
        <v>2</v>
      </c>
      <c r="K35" s="664"/>
      <c r="L35" s="664"/>
      <c r="M35" s="664"/>
      <c r="N35" s="664"/>
      <c r="O35" s="664"/>
      <c r="P35" s="664"/>
      <c r="Q35" s="664"/>
      <c r="R35" s="664"/>
      <c r="S35" s="664"/>
      <c r="T35" s="664"/>
      <c r="U35" s="664"/>
      <c r="V35" s="664"/>
      <c r="W35" s="664"/>
      <c r="X35" s="664"/>
      <c r="Y35" s="664"/>
      <c r="Z35" s="664"/>
      <c r="AA35" s="664"/>
      <c r="AB35" s="664"/>
      <c r="AC35" s="664"/>
      <c r="AD35" s="664"/>
      <c r="AE35" s="664"/>
      <c r="AF35" s="664"/>
      <c r="AG35" s="664"/>
      <c r="AH35" s="664"/>
      <c r="AI35" s="664"/>
      <c r="AJ35" s="664"/>
      <c r="AK35" s="664"/>
      <c r="AL35" s="664"/>
      <c r="AM35" s="664"/>
      <c r="AN35" s="572"/>
    </row>
    <row r="36" spans="1:40" ht="17.100000000000001" customHeight="1" x14ac:dyDescent="0.15">
      <c r="A36" s="665">
        <v>31</v>
      </c>
      <c r="B36" s="659" t="s">
        <v>168</v>
      </c>
      <c r="C36" s="660">
        <v>380440</v>
      </c>
      <c r="D36" s="661">
        <v>10</v>
      </c>
      <c r="E36" s="660">
        <v>183073</v>
      </c>
      <c r="F36" s="661">
        <v>25</v>
      </c>
      <c r="G36" s="660">
        <v>512460</v>
      </c>
      <c r="H36" s="661">
        <v>17</v>
      </c>
      <c r="I36" s="660">
        <v>380269</v>
      </c>
      <c r="J36" s="663">
        <v>10</v>
      </c>
      <c r="K36" s="664"/>
      <c r="L36" s="664"/>
      <c r="M36" s="664"/>
      <c r="N36" s="664"/>
      <c r="O36" s="664"/>
      <c r="P36" s="664"/>
      <c r="Q36" s="664"/>
      <c r="R36" s="664"/>
      <c r="S36" s="664"/>
      <c r="T36" s="664"/>
      <c r="U36" s="664"/>
      <c r="V36" s="664"/>
      <c r="W36" s="664"/>
      <c r="X36" s="664"/>
      <c r="Y36" s="664"/>
      <c r="Z36" s="664"/>
      <c r="AA36" s="664"/>
      <c r="AB36" s="664"/>
      <c r="AC36" s="664"/>
      <c r="AD36" s="664"/>
      <c r="AE36" s="664"/>
      <c r="AF36" s="664"/>
      <c r="AG36" s="664"/>
      <c r="AH36" s="664"/>
      <c r="AI36" s="664"/>
      <c r="AJ36" s="664"/>
      <c r="AK36" s="664"/>
      <c r="AL36" s="664"/>
      <c r="AM36" s="664"/>
      <c r="AN36" s="572"/>
    </row>
    <row r="37" spans="1:40" ht="17.100000000000001" customHeight="1" x14ac:dyDescent="0.15">
      <c r="A37" s="665">
        <v>32</v>
      </c>
      <c r="B37" s="659" t="s">
        <v>165</v>
      </c>
      <c r="C37" s="660">
        <v>378557</v>
      </c>
      <c r="D37" s="661">
        <v>11</v>
      </c>
      <c r="E37" s="660">
        <v>117219</v>
      </c>
      <c r="F37" s="661">
        <v>29</v>
      </c>
      <c r="G37" s="660">
        <v>519394</v>
      </c>
      <c r="H37" s="661">
        <v>12</v>
      </c>
      <c r="I37" s="660">
        <v>378364</v>
      </c>
      <c r="J37" s="663">
        <v>11</v>
      </c>
      <c r="K37" s="664"/>
      <c r="L37" s="664"/>
      <c r="M37" s="664"/>
      <c r="N37" s="664"/>
      <c r="O37" s="664"/>
      <c r="P37" s="664"/>
      <c r="Q37" s="664"/>
      <c r="R37" s="664"/>
      <c r="S37" s="664"/>
      <c r="T37" s="664"/>
      <c r="U37" s="664"/>
      <c r="V37" s="664"/>
      <c r="W37" s="664"/>
      <c r="X37" s="664"/>
      <c r="Y37" s="664"/>
      <c r="Z37" s="664"/>
      <c r="AA37" s="664"/>
      <c r="AB37" s="664"/>
      <c r="AC37" s="664"/>
      <c r="AD37" s="664"/>
      <c r="AE37" s="664"/>
      <c r="AF37" s="664"/>
      <c r="AG37" s="664"/>
      <c r="AH37" s="664"/>
      <c r="AI37" s="664"/>
      <c r="AJ37" s="664"/>
      <c r="AK37" s="664"/>
      <c r="AL37" s="664"/>
      <c r="AM37" s="664"/>
      <c r="AN37" s="572"/>
    </row>
    <row r="38" spans="1:40" ht="17.100000000000001" customHeight="1" thickBot="1" x14ac:dyDescent="0.2">
      <c r="A38" s="669">
        <v>33</v>
      </c>
      <c r="B38" s="670" t="s">
        <v>162</v>
      </c>
      <c r="C38" s="671">
        <v>363758</v>
      </c>
      <c r="D38" s="672">
        <v>19</v>
      </c>
      <c r="E38" s="671">
        <v>0</v>
      </c>
      <c r="F38" s="672">
        <v>32</v>
      </c>
      <c r="G38" s="671">
        <v>431649</v>
      </c>
      <c r="H38" s="672">
        <v>33</v>
      </c>
      <c r="I38" s="671">
        <v>363758</v>
      </c>
      <c r="J38" s="673">
        <v>19</v>
      </c>
      <c r="K38" s="664"/>
      <c r="L38" s="664"/>
      <c r="M38" s="664"/>
      <c r="N38" s="664"/>
      <c r="O38" s="664"/>
      <c r="P38" s="664"/>
      <c r="Q38" s="664"/>
      <c r="R38" s="664"/>
      <c r="S38" s="664"/>
      <c r="T38" s="664"/>
      <c r="U38" s="664"/>
      <c r="V38" s="664"/>
      <c r="W38" s="664"/>
      <c r="X38" s="664"/>
      <c r="Y38" s="664"/>
      <c r="Z38" s="664"/>
      <c r="AA38" s="664"/>
      <c r="AB38" s="664"/>
      <c r="AC38" s="664"/>
      <c r="AD38" s="664"/>
      <c r="AE38" s="664"/>
      <c r="AF38" s="664"/>
      <c r="AG38" s="664"/>
      <c r="AH38" s="664"/>
      <c r="AI38" s="664"/>
      <c r="AJ38" s="664"/>
      <c r="AK38" s="664"/>
      <c r="AL38" s="664"/>
      <c r="AM38" s="664"/>
      <c r="AN38" s="572"/>
    </row>
    <row r="39" spans="1:40" ht="17.100000000000001" customHeight="1" thickTop="1" x14ac:dyDescent="0.15">
      <c r="A39" s="658">
        <v>301</v>
      </c>
      <c r="B39" s="674" t="s">
        <v>378</v>
      </c>
      <c r="C39" s="675">
        <v>212763</v>
      </c>
      <c r="D39" s="676">
        <v>2</v>
      </c>
      <c r="E39" s="677" t="s">
        <v>376</v>
      </c>
      <c r="F39" s="677" t="s">
        <v>376</v>
      </c>
      <c r="G39" s="675">
        <v>428526</v>
      </c>
      <c r="H39" s="676">
        <v>6</v>
      </c>
      <c r="I39" s="675">
        <v>212763</v>
      </c>
      <c r="J39" s="678">
        <v>2</v>
      </c>
      <c r="K39" s="664"/>
      <c r="L39" s="664"/>
      <c r="M39" s="664"/>
      <c r="N39" s="664"/>
      <c r="O39" s="664"/>
      <c r="P39" s="664"/>
      <c r="Q39" s="664"/>
      <c r="R39" s="664"/>
      <c r="S39" s="664"/>
      <c r="T39" s="664"/>
      <c r="U39" s="664"/>
      <c r="V39" s="664"/>
      <c r="W39" s="664"/>
      <c r="X39" s="664"/>
      <c r="Y39" s="664"/>
      <c r="Z39" s="664"/>
      <c r="AA39" s="664"/>
      <c r="AB39" s="664"/>
      <c r="AC39" s="664"/>
      <c r="AD39" s="664"/>
      <c r="AE39" s="664"/>
      <c r="AF39" s="664"/>
      <c r="AG39" s="664"/>
      <c r="AH39" s="664"/>
      <c r="AI39" s="664"/>
      <c r="AJ39" s="664"/>
      <c r="AK39" s="664"/>
      <c r="AL39" s="664"/>
      <c r="AM39" s="664"/>
      <c r="AN39" s="572"/>
    </row>
    <row r="40" spans="1:40" ht="17.100000000000001" customHeight="1" x14ac:dyDescent="0.15">
      <c r="A40" s="665">
        <v>302</v>
      </c>
      <c r="B40" s="674" t="s">
        <v>379</v>
      </c>
      <c r="C40" s="660">
        <v>171686</v>
      </c>
      <c r="D40" s="661">
        <v>6</v>
      </c>
      <c r="E40" s="679" t="s">
        <v>376</v>
      </c>
      <c r="F40" s="679" t="s">
        <v>376</v>
      </c>
      <c r="G40" s="660">
        <v>431302</v>
      </c>
      <c r="H40" s="661">
        <v>5</v>
      </c>
      <c r="I40" s="660">
        <v>171686</v>
      </c>
      <c r="J40" s="663">
        <v>6</v>
      </c>
      <c r="K40" s="664"/>
      <c r="L40" s="664"/>
      <c r="M40" s="664"/>
      <c r="N40" s="664"/>
      <c r="O40" s="664"/>
      <c r="P40" s="664"/>
      <c r="Q40" s="664"/>
      <c r="R40" s="664"/>
      <c r="S40" s="664"/>
      <c r="T40" s="664"/>
      <c r="U40" s="664"/>
      <c r="V40" s="664"/>
      <c r="W40" s="664"/>
      <c r="X40" s="664"/>
      <c r="Y40" s="664"/>
      <c r="Z40" s="664"/>
      <c r="AA40" s="664"/>
      <c r="AB40" s="664"/>
      <c r="AC40" s="664"/>
      <c r="AD40" s="664"/>
      <c r="AE40" s="664"/>
      <c r="AF40" s="664"/>
      <c r="AG40" s="664"/>
      <c r="AH40" s="664"/>
      <c r="AI40" s="664"/>
      <c r="AJ40" s="664"/>
      <c r="AK40" s="664"/>
      <c r="AL40" s="664"/>
      <c r="AM40" s="664"/>
      <c r="AN40" s="572"/>
    </row>
    <row r="41" spans="1:40" ht="17.100000000000001" customHeight="1" x14ac:dyDescent="0.15">
      <c r="A41" s="665">
        <v>303</v>
      </c>
      <c r="B41" s="674" t="s">
        <v>381</v>
      </c>
      <c r="C41" s="660">
        <v>257090</v>
      </c>
      <c r="D41" s="661">
        <v>1</v>
      </c>
      <c r="E41" s="677" t="s">
        <v>376</v>
      </c>
      <c r="F41" s="677" t="s">
        <v>376</v>
      </c>
      <c r="G41" s="660">
        <v>551521</v>
      </c>
      <c r="H41" s="661">
        <v>2</v>
      </c>
      <c r="I41" s="660">
        <v>257090</v>
      </c>
      <c r="J41" s="663">
        <v>1</v>
      </c>
      <c r="K41" s="664"/>
      <c r="L41" s="664"/>
      <c r="M41" s="664"/>
      <c r="N41" s="664"/>
      <c r="O41" s="664"/>
      <c r="P41" s="664"/>
      <c r="Q41" s="664"/>
      <c r="R41" s="664"/>
      <c r="S41" s="664"/>
      <c r="T41" s="664"/>
      <c r="U41" s="664"/>
      <c r="V41" s="664"/>
      <c r="W41" s="664"/>
      <c r="X41" s="664"/>
      <c r="Y41" s="664"/>
      <c r="Z41" s="664"/>
      <c r="AA41" s="664"/>
      <c r="AB41" s="664"/>
      <c r="AC41" s="664"/>
      <c r="AD41" s="664"/>
      <c r="AE41" s="664"/>
      <c r="AF41" s="664"/>
      <c r="AG41" s="664"/>
      <c r="AH41" s="664"/>
      <c r="AI41" s="664"/>
      <c r="AJ41" s="664"/>
      <c r="AK41" s="664"/>
      <c r="AL41" s="664"/>
      <c r="AM41" s="664"/>
      <c r="AN41" s="572"/>
    </row>
    <row r="42" spans="1:40" ht="17.100000000000001" customHeight="1" x14ac:dyDescent="0.15">
      <c r="A42" s="665">
        <v>304</v>
      </c>
      <c r="B42" s="674" t="s">
        <v>382</v>
      </c>
      <c r="C42" s="660">
        <v>201062</v>
      </c>
      <c r="D42" s="661">
        <v>4</v>
      </c>
      <c r="E42" s="679" t="s">
        <v>376</v>
      </c>
      <c r="F42" s="679" t="s">
        <v>376</v>
      </c>
      <c r="G42" s="660">
        <v>496069</v>
      </c>
      <c r="H42" s="661">
        <v>4</v>
      </c>
      <c r="I42" s="660">
        <v>201062</v>
      </c>
      <c r="J42" s="663">
        <v>4</v>
      </c>
      <c r="K42" s="664"/>
      <c r="L42" s="664"/>
      <c r="M42" s="664"/>
      <c r="N42" s="664"/>
      <c r="O42" s="664"/>
      <c r="P42" s="664"/>
      <c r="Q42" s="664"/>
      <c r="R42" s="664"/>
      <c r="S42" s="664"/>
      <c r="T42" s="664"/>
      <c r="U42" s="664"/>
      <c r="V42" s="664"/>
      <c r="W42" s="664"/>
      <c r="X42" s="664"/>
      <c r="Y42" s="664"/>
      <c r="Z42" s="664"/>
      <c r="AA42" s="664"/>
      <c r="AB42" s="664"/>
      <c r="AC42" s="664"/>
      <c r="AD42" s="664"/>
      <c r="AE42" s="664"/>
      <c r="AF42" s="664"/>
      <c r="AG42" s="664"/>
      <c r="AH42" s="664"/>
      <c r="AI42" s="664"/>
      <c r="AJ42" s="664"/>
      <c r="AK42" s="664"/>
      <c r="AL42" s="664"/>
      <c r="AM42" s="664"/>
      <c r="AN42" s="572"/>
    </row>
    <row r="43" spans="1:40" ht="17.100000000000001" customHeight="1" x14ac:dyDescent="0.15">
      <c r="A43" s="665">
        <v>305</v>
      </c>
      <c r="B43" s="674" t="s">
        <v>384</v>
      </c>
      <c r="C43" s="660">
        <v>198808</v>
      </c>
      <c r="D43" s="661">
        <v>5</v>
      </c>
      <c r="E43" s="677" t="s">
        <v>376</v>
      </c>
      <c r="F43" s="677" t="s">
        <v>376</v>
      </c>
      <c r="G43" s="660">
        <v>501802</v>
      </c>
      <c r="H43" s="661">
        <v>3</v>
      </c>
      <c r="I43" s="660">
        <v>198808</v>
      </c>
      <c r="J43" s="663">
        <v>5</v>
      </c>
      <c r="K43" s="664"/>
      <c r="L43" s="664"/>
      <c r="M43" s="664"/>
      <c r="N43" s="664"/>
      <c r="O43" s="664"/>
      <c r="P43" s="664"/>
      <c r="Q43" s="664"/>
      <c r="R43" s="664"/>
      <c r="S43" s="664"/>
      <c r="T43" s="664"/>
      <c r="U43" s="664"/>
      <c r="V43" s="664"/>
      <c r="W43" s="664"/>
      <c r="X43" s="664"/>
      <c r="Y43" s="664"/>
      <c r="Z43" s="664"/>
      <c r="AA43" s="664"/>
      <c r="AB43" s="664"/>
      <c r="AC43" s="664"/>
      <c r="AD43" s="664"/>
      <c r="AE43" s="664"/>
      <c r="AF43" s="664"/>
      <c r="AG43" s="664"/>
      <c r="AH43" s="664"/>
      <c r="AI43" s="664"/>
      <c r="AJ43" s="664"/>
      <c r="AK43" s="664"/>
      <c r="AL43" s="664"/>
      <c r="AM43" s="664"/>
      <c r="AN43" s="572"/>
    </row>
    <row r="44" spans="1:40" ht="17.100000000000001" customHeight="1" thickBot="1" x14ac:dyDescent="0.2">
      <c r="A44" s="680">
        <v>306</v>
      </c>
      <c r="B44" s="681" t="s">
        <v>387</v>
      </c>
      <c r="C44" s="671">
        <v>201835</v>
      </c>
      <c r="D44" s="672">
        <v>3</v>
      </c>
      <c r="E44" s="682" t="s">
        <v>376</v>
      </c>
      <c r="F44" s="682" t="s">
        <v>376</v>
      </c>
      <c r="G44" s="671">
        <v>553953</v>
      </c>
      <c r="H44" s="672">
        <v>1</v>
      </c>
      <c r="I44" s="671">
        <v>201835</v>
      </c>
      <c r="J44" s="673">
        <v>3</v>
      </c>
      <c r="K44" s="664"/>
      <c r="L44" s="664"/>
      <c r="M44" s="664"/>
      <c r="N44" s="664"/>
      <c r="O44" s="664"/>
      <c r="P44" s="664"/>
      <c r="Q44" s="664"/>
      <c r="R44" s="664"/>
      <c r="S44" s="664"/>
      <c r="T44" s="664"/>
      <c r="U44" s="664"/>
      <c r="V44" s="664"/>
      <c r="W44" s="664"/>
      <c r="X44" s="664"/>
      <c r="Y44" s="664"/>
      <c r="Z44" s="664"/>
      <c r="AA44" s="664"/>
      <c r="AB44" s="664"/>
      <c r="AC44" s="664"/>
      <c r="AD44" s="664"/>
      <c r="AE44" s="664"/>
      <c r="AF44" s="664"/>
      <c r="AG44" s="664"/>
      <c r="AH44" s="664"/>
      <c r="AI44" s="664"/>
      <c r="AJ44" s="664"/>
      <c r="AK44" s="664"/>
      <c r="AL44" s="664"/>
      <c r="AM44" s="664"/>
      <c r="AN44" s="572"/>
    </row>
    <row r="45" spans="1:40" ht="17.100000000000001" customHeight="1" thickTop="1" thickBot="1" x14ac:dyDescent="0.2">
      <c r="A45" s="1069" t="s">
        <v>415</v>
      </c>
      <c r="B45" s="1070"/>
      <c r="C45" s="671">
        <v>362177</v>
      </c>
      <c r="D45" s="682" t="s">
        <v>376</v>
      </c>
      <c r="E45" s="671">
        <v>518669</v>
      </c>
      <c r="F45" s="682" t="s">
        <v>376</v>
      </c>
      <c r="G45" s="683">
        <v>527300</v>
      </c>
      <c r="H45" s="682" t="s">
        <v>376</v>
      </c>
      <c r="I45" s="671">
        <v>362257</v>
      </c>
      <c r="J45" s="684" t="s">
        <v>376</v>
      </c>
      <c r="K45" s="664"/>
      <c r="L45" s="664"/>
      <c r="M45" s="664"/>
      <c r="N45" s="664"/>
      <c r="O45" s="664"/>
      <c r="P45" s="664"/>
      <c r="Q45" s="664"/>
      <c r="R45" s="664"/>
      <c r="S45" s="664"/>
      <c r="T45" s="664"/>
      <c r="U45" s="664"/>
      <c r="V45" s="664"/>
      <c r="W45" s="664"/>
      <c r="X45" s="664"/>
      <c r="Y45" s="664"/>
      <c r="Z45" s="664"/>
      <c r="AA45" s="664"/>
      <c r="AB45" s="664"/>
      <c r="AC45" s="664"/>
      <c r="AD45" s="664"/>
      <c r="AE45" s="664"/>
      <c r="AF45" s="664"/>
      <c r="AG45" s="664"/>
      <c r="AH45" s="664"/>
      <c r="AI45" s="664"/>
      <c r="AJ45" s="664"/>
      <c r="AK45" s="664"/>
      <c r="AL45" s="664"/>
      <c r="AM45" s="664"/>
      <c r="AN45" s="572"/>
    </row>
    <row r="46" spans="1:40" ht="17.100000000000001" customHeight="1" thickTop="1" thickBot="1" x14ac:dyDescent="0.2">
      <c r="A46" s="1071" t="s">
        <v>403</v>
      </c>
      <c r="B46" s="1070"/>
      <c r="C46" s="685">
        <v>373657</v>
      </c>
      <c r="D46" s="682" t="s">
        <v>376</v>
      </c>
      <c r="E46" s="671">
        <v>347333</v>
      </c>
      <c r="F46" s="682" t="s">
        <v>376</v>
      </c>
      <c r="G46" s="683">
        <v>508071</v>
      </c>
      <c r="H46" s="682" t="s">
        <v>376</v>
      </c>
      <c r="I46" s="671">
        <v>373632</v>
      </c>
      <c r="J46" s="684" t="s">
        <v>376</v>
      </c>
      <c r="K46" s="664"/>
      <c r="L46" s="664"/>
      <c r="M46" s="664"/>
      <c r="N46" s="664"/>
      <c r="O46" s="664"/>
      <c r="P46" s="664"/>
      <c r="Q46" s="664"/>
      <c r="R46" s="664"/>
      <c r="S46" s="664"/>
      <c r="T46" s="664"/>
      <c r="U46" s="664"/>
      <c r="V46" s="664"/>
      <c r="W46" s="664"/>
      <c r="X46" s="664"/>
      <c r="Y46" s="664"/>
      <c r="Z46" s="664"/>
      <c r="AA46" s="664"/>
      <c r="AB46" s="664"/>
      <c r="AC46" s="664"/>
      <c r="AD46" s="664"/>
      <c r="AE46" s="664"/>
      <c r="AF46" s="664"/>
      <c r="AG46" s="664"/>
      <c r="AH46" s="664"/>
      <c r="AI46" s="664"/>
      <c r="AJ46" s="664"/>
      <c r="AK46" s="664"/>
      <c r="AL46" s="664"/>
      <c r="AM46" s="664"/>
      <c r="AN46" s="572"/>
    </row>
    <row r="47" spans="1:40" ht="17.100000000000001" customHeight="1" thickTop="1" thickBot="1" x14ac:dyDescent="0.2">
      <c r="A47" s="1071" t="s">
        <v>404</v>
      </c>
      <c r="B47" s="1070"/>
      <c r="C47" s="671">
        <v>362626</v>
      </c>
      <c r="D47" s="682" t="s">
        <v>376</v>
      </c>
      <c r="E47" s="671">
        <v>506393</v>
      </c>
      <c r="F47" s="682" t="s">
        <v>376</v>
      </c>
      <c r="G47" s="683">
        <v>526456</v>
      </c>
      <c r="H47" s="682" t="s">
        <v>376</v>
      </c>
      <c r="I47" s="671">
        <v>362703</v>
      </c>
      <c r="J47" s="684" t="s">
        <v>376</v>
      </c>
      <c r="K47" s="664"/>
      <c r="L47" s="664"/>
      <c r="M47" s="664"/>
      <c r="N47" s="664"/>
      <c r="O47" s="664"/>
      <c r="P47" s="664"/>
      <c r="Q47" s="664"/>
      <c r="R47" s="664"/>
      <c r="S47" s="664"/>
      <c r="T47" s="664"/>
      <c r="U47" s="664"/>
      <c r="V47" s="664"/>
      <c r="W47" s="664"/>
      <c r="X47" s="664"/>
      <c r="Y47" s="664"/>
      <c r="Z47" s="664"/>
      <c r="AA47" s="664"/>
      <c r="AB47" s="664"/>
      <c r="AC47" s="664"/>
      <c r="AD47" s="664"/>
      <c r="AE47" s="664"/>
      <c r="AF47" s="664"/>
      <c r="AG47" s="664"/>
      <c r="AH47" s="664"/>
      <c r="AI47" s="664"/>
      <c r="AJ47" s="664"/>
      <c r="AK47" s="664"/>
      <c r="AL47" s="664"/>
      <c r="AM47" s="664"/>
      <c r="AN47" s="572"/>
    </row>
    <row r="48" spans="1:40" ht="17.100000000000001" customHeight="1" thickTop="1" thickBot="1" x14ac:dyDescent="0.2">
      <c r="A48" s="1071" t="s">
        <v>416</v>
      </c>
      <c r="B48" s="1070"/>
      <c r="C48" s="671">
        <v>204797</v>
      </c>
      <c r="D48" s="682" t="s">
        <v>376</v>
      </c>
      <c r="E48" s="682" t="s">
        <v>376</v>
      </c>
      <c r="F48" s="682" t="s">
        <v>376</v>
      </c>
      <c r="G48" s="683">
        <v>524247</v>
      </c>
      <c r="H48" s="682" t="s">
        <v>376</v>
      </c>
      <c r="I48" s="671">
        <v>204797</v>
      </c>
      <c r="J48" s="684" t="s">
        <v>376</v>
      </c>
      <c r="K48" s="664"/>
      <c r="L48" s="664"/>
      <c r="M48" s="664"/>
      <c r="N48" s="664"/>
      <c r="O48" s="664"/>
      <c r="P48" s="664"/>
      <c r="Q48" s="664"/>
      <c r="R48" s="664"/>
      <c r="S48" s="664"/>
      <c r="T48" s="664"/>
      <c r="U48" s="664"/>
      <c r="V48" s="664"/>
      <c r="W48" s="664"/>
      <c r="X48" s="664"/>
      <c r="Y48" s="664"/>
      <c r="Z48" s="664"/>
      <c r="AA48" s="664"/>
      <c r="AB48" s="664"/>
      <c r="AC48" s="664"/>
      <c r="AD48" s="664"/>
      <c r="AE48" s="664"/>
      <c r="AF48" s="664"/>
      <c r="AG48" s="664"/>
      <c r="AH48" s="664"/>
      <c r="AI48" s="664"/>
      <c r="AJ48" s="664"/>
      <c r="AK48" s="664"/>
      <c r="AL48" s="664"/>
      <c r="AM48" s="664"/>
      <c r="AN48" s="572"/>
    </row>
    <row r="49" spans="1:40" ht="17.100000000000001" customHeight="1" thickTop="1" thickBot="1" x14ac:dyDescent="0.2">
      <c r="A49" s="1072" t="s">
        <v>417</v>
      </c>
      <c r="B49" s="1073"/>
      <c r="C49" s="686">
        <v>351861</v>
      </c>
      <c r="D49" s="687" t="s">
        <v>376</v>
      </c>
      <c r="E49" s="686">
        <v>506393</v>
      </c>
      <c r="F49" s="687" t="s">
        <v>376</v>
      </c>
      <c r="G49" s="688">
        <v>526412</v>
      </c>
      <c r="H49" s="687" t="s">
        <v>376</v>
      </c>
      <c r="I49" s="686">
        <v>351937</v>
      </c>
      <c r="J49" s="689" t="s">
        <v>376</v>
      </c>
      <c r="K49" s="664"/>
      <c r="L49" s="664"/>
      <c r="M49" s="664"/>
      <c r="N49" s="664"/>
      <c r="O49" s="664"/>
      <c r="P49" s="664"/>
      <c r="Q49" s="664"/>
      <c r="R49" s="664"/>
      <c r="S49" s="664"/>
      <c r="T49" s="664"/>
      <c r="U49" s="664"/>
      <c r="V49" s="664"/>
      <c r="W49" s="664"/>
      <c r="X49" s="664"/>
      <c r="Y49" s="664"/>
      <c r="Z49" s="664"/>
      <c r="AA49" s="664"/>
      <c r="AB49" s="664"/>
      <c r="AC49" s="664"/>
      <c r="AD49" s="664"/>
      <c r="AE49" s="664"/>
      <c r="AF49" s="664"/>
      <c r="AG49" s="664"/>
      <c r="AH49" s="664"/>
      <c r="AI49" s="664"/>
      <c r="AJ49" s="664"/>
      <c r="AK49" s="664"/>
      <c r="AL49" s="664"/>
      <c r="AM49" s="664"/>
      <c r="AN49" s="572"/>
    </row>
    <row r="50" spans="1:40" ht="15.75" customHeight="1" x14ac:dyDescent="0.15">
      <c r="I50" s="691"/>
    </row>
    <row r="51" spans="1:40" ht="15.75" customHeight="1" x14ac:dyDescent="0.15">
      <c r="A51" s="643"/>
    </row>
  </sheetData>
  <mergeCells count="11">
    <mergeCell ref="K3:K5"/>
    <mergeCell ref="A3:B5"/>
    <mergeCell ref="C3:D4"/>
    <mergeCell ref="E3:F4"/>
    <mergeCell ref="G3:H4"/>
    <mergeCell ref="I3:J4"/>
    <mergeCell ref="A45:B45"/>
    <mergeCell ref="A46:B46"/>
    <mergeCell ref="A47:B47"/>
    <mergeCell ref="A48:B48"/>
    <mergeCell ref="A49:B49"/>
  </mergeCells>
  <phoneticPr fontId="12"/>
  <printOptions verticalCentered="1" gridLinesSet="0"/>
  <pageMargins left="1.1811023622047245" right="0.59055118110236227" top="0.59055118110236227" bottom="0.59055118110236227" header="0.51181102362204722" footer="0.51181102362204722"/>
  <pageSetup paperSize="9" scale="98" orientation="portrait" blackAndWhite="1" r:id="rId1"/>
  <headerFooter alignWithMargins="0"/>
  <colBreaks count="1" manualBreakCount="1">
    <brk id="13" min="1" max="52" man="1"/>
  </col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M49"/>
  <sheetViews>
    <sheetView zoomScaleNormal="100" zoomScaleSheetLayoutView="100" workbookViewId="0"/>
  </sheetViews>
  <sheetFormatPr defaultColWidth="9" defaultRowHeight="15.75" customHeight="1" x14ac:dyDescent="0.15"/>
  <cols>
    <col min="1" max="1" width="4.44140625" style="493" customWidth="1"/>
    <col min="2" max="2" width="10" style="493" customWidth="1"/>
    <col min="3" max="3" width="10.6640625" style="493" customWidth="1"/>
    <col min="4" max="4" width="7.6640625" style="690" customWidth="1"/>
    <col min="5" max="5" width="10.6640625" style="493" customWidth="1"/>
    <col min="6" max="6" width="7.6640625" style="690" customWidth="1"/>
    <col min="7" max="7" width="10.6640625" style="493" customWidth="1"/>
    <col min="8" max="8" width="7.6640625" style="690" customWidth="1"/>
    <col min="9" max="9" width="10.6640625" style="493" customWidth="1"/>
    <col min="10" max="10" width="7.6640625" style="690" customWidth="1"/>
    <col min="11" max="11" width="10.6640625" style="493" customWidth="1"/>
    <col min="12" max="12" width="7.6640625" style="493" customWidth="1"/>
    <col min="13" max="13" width="4.109375" style="493" customWidth="1"/>
    <col min="14" max="14" width="8.6640625" style="493" customWidth="1"/>
    <col min="15" max="15" width="4.109375" style="493" customWidth="1"/>
    <col min="16" max="16" width="8.6640625" style="493" customWidth="1"/>
    <col min="17" max="17" width="4.109375" style="493" customWidth="1"/>
    <col min="18" max="18" width="8.6640625" style="493" customWidth="1"/>
    <col min="19" max="19" width="4.109375" style="493" customWidth="1"/>
    <col min="20" max="20" width="8.6640625" style="493" customWidth="1"/>
    <col min="21" max="21" width="4.109375" style="493" customWidth="1"/>
    <col min="22" max="22" width="8.6640625" style="493" customWidth="1"/>
    <col min="23" max="23" width="4.109375" style="493" customWidth="1"/>
    <col min="24" max="24" width="8.6640625" style="493" customWidth="1"/>
    <col min="25" max="25" width="4.109375" style="493" customWidth="1"/>
    <col min="26" max="26" width="8.6640625" style="493" customWidth="1"/>
    <col min="27" max="27" width="4.109375" style="493" customWidth="1"/>
    <col min="28" max="28" width="8.6640625" style="493" customWidth="1"/>
    <col min="29" max="29" width="4.109375" style="493" customWidth="1"/>
    <col min="30" max="30" width="8.6640625" style="493" customWidth="1"/>
    <col min="31" max="31" width="4.109375" style="493" customWidth="1"/>
    <col min="32" max="32" width="8.6640625" style="493" customWidth="1"/>
    <col min="33" max="33" width="4.109375" style="493" customWidth="1"/>
    <col min="34" max="34" width="8.6640625" style="493" customWidth="1"/>
    <col min="35" max="35" width="4.109375" style="493" customWidth="1"/>
    <col min="36" max="36" width="8.6640625" style="493" customWidth="1"/>
    <col min="37" max="37" width="4.109375" style="493" customWidth="1"/>
    <col min="38" max="38" width="8.6640625" style="493" customWidth="1"/>
    <col min="39" max="39" width="4.109375" style="493" customWidth="1"/>
    <col min="40" max="16384" width="9" style="493"/>
  </cols>
  <sheetData>
    <row r="1" spans="1:39" s="597" customFormat="1" ht="13.2" x14ac:dyDescent="0.2">
      <c r="A1" s="596" t="s">
        <v>405</v>
      </c>
      <c r="C1" s="598"/>
      <c r="D1" s="598"/>
      <c r="E1" s="598"/>
      <c r="F1" s="647"/>
      <c r="H1" s="648"/>
    </row>
    <row r="2" spans="1:39" s="597" customFormat="1" ht="10.5" customHeight="1" thickBot="1" x14ac:dyDescent="0.25">
      <c r="A2" s="599"/>
      <c r="B2" s="596"/>
      <c r="C2" s="598"/>
      <c r="D2" s="598"/>
      <c r="E2" s="598"/>
      <c r="F2" s="649"/>
      <c r="H2" s="648"/>
    </row>
    <row r="3" spans="1:39" ht="13.5" customHeight="1" x14ac:dyDescent="0.15">
      <c r="A3" s="1095" t="s">
        <v>236</v>
      </c>
      <c r="B3" s="1096"/>
      <c r="C3" s="1101" t="s">
        <v>406</v>
      </c>
      <c r="D3" s="1101"/>
      <c r="E3" s="1103" t="s">
        <v>353</v>
      </c>
      <c r="F3" s="1103"/>
      <c r="G3" s="1103" t="s">
        <v>418</v>
      </c>
      <c r="H3" s="1103"/>
      <c r="I3" s="1101" t="s">
        <v>407</v>
      </c>
      <c r="J3" s="1105"/>
      <c r="K3" s="1105" t="s">
        <v>408</v>
      </c>
      <c r="L3" s="1107"/>
      <c r="M3" s="650"/>
      <c r="N3" s="650"/>
      <c r="O3" s="650"/>
      <c r="P3" s="650"/>
      <c r="Q3" s="650"/>
      <c r="R3" s="650"/>
      <c r="S3" s="650"/>
      <c r="T3" s="650"/>
      <c r="U3" s="650"/>
      <c r="V3" s="650"/>
      <c r="W3" s="650"/>
      <c r="X3" s="650"/>
      <c r="Y3" s="650"/>
      <c r="Z3" s="650"/>
      <c r="AA3" s="650"/>
      <c r="AB3" s="650"/>
      <c r="AC3" s="650"/>
      <c r="AD3" s="650"/>
      <c r="AE3" s="650"/>
      <c r="AF3" s="650"/>
      <c r="AG3" s="650"/>
      <c r="AH3" s="650"/>
      <c r="AI3" s="650"/>
      <c r="AJ3" s="650"/>
      <c r="AK3" s="650"/>
      <c r="AL3" s="650"/>
      <c r="AM3" s="650"/>
    </row>
    <row r="4" spans="1:39" ht="10.5" customHeight="1" x14ac:dyDescent="0.15">
      <c r="A4" s="1097"/>
      <c r="B4" s="1098"/>
      <c r="C4" s="1102"/>
      <c r="D4" s="1102"/>
      <c r="E4" s="1104"/>
      <c r="F4" s="1104"/>
      <c r="G4" s="1104"/>
      <c r="H4" s="1104"/>
      <c r="I4" s="1106"/>
      <c r="J4" s="1106"/>
      <c r="K4" s="1106"/>
      <c r="L4" s="1108"/>
      <c r="M4" s="650"/>
      <c r="N4" s="650"/>
      <c r="O4" s="650"/>
      <c r="P4" s="650"/>
      <c r="Q4" s="650"/>
      <c r="R4" s="650"/>
      <c r="S4" s="650"/>
      <c r="T4" s="650"/>
      <c r="U4" s="650"/>
      <c r="V4" s="650"/>
      <c r="W4" s="650"/>
      <c r="X4" s="650"/>
      <c r="Y4" s="650"/>
      <c r="Z4" s="650"/>
      <c r="AA4" s="650"/>
      <c r="AB4" s="650"/>
      <c r="AC4" s="650"/>
      <c r="AD4" s="650"/>
      <c r="AE4" s="650"/>
      <c r="AF4" s="650"/>
      <c r="AG4" s="650"/>
      <c r="AH4" s="650"/>
      <c r="AI4" s="650"/>
      <c r="AJ4" s="650"/>
      <c r="AK4" s="650"/>
      <c r="AL4" s="650"/>
      <c r="AM4" s="650"/>
    </row>
    <row r="5" spans="1:39" s="498" customFormat="1" ht="15" customHeight="1" thickBot="1" x14ac:dyDescent="0.25">
      <c r="A5" s="1099"/>
      <c r="B5" s="1100"/>
      <c r="C5" s="692" t="s">
        <v>400</v>
      </c>
      <c r="D5" s="693" t="s">
        <v>401</v>
      </c>
      <c r="E5" s="693" t="s">
        <v>400</v>
      </c>
      <c r="F5" s="693" t="s">
        <v>401</v>
      </c>
      <c r="G5" s="693" t="s">
        <v>400</v>
      </c>
      <c r="H5" s="693" t="s">
        <v>401</v>
      </c>
      <c r="I5" s="693" t="s">
        <v>400</v>
      </c>
      <c r="J5" s="693" t="s">
        <v>401</v>
      </c>
      <c r="K5" s="693" t="s">
        <v>409</v>
      </c>
      <c r="L5" s="694" t="s">
        <v>410</v>
      </c>
      <c r="M5" s="656"/>
      <c r="N5" s="656"/>
      <c r="O5" s="656"/>
      <c r="P5" s="656"/>
      <c r="Q5" s="656"/>
      <c r="R5" s="656"/>
      <c r="S5" s="656"/>
      <c r="T5" s="657"/>
      <c r="U5" s="656"/>
      <c r="V5" s="656"/>
      <c r="W5" s="656"/>
      <c r="X5" s="656"/>
      <c r="Y5" s="656"/>
      <c r="Z5" s="656"/>
      <c r="AA5" s="656"/>
      <c r="AB5" s="656"/>
      <c r="AC5" s="656"/>
      <c r="AD5" s="657"/>
      <c r="AE5" s="656"/>
      <c r="AF5" s="656"/>
      <c r="AG5" s="656"/>
      <c r="AH5" s="656"/>
      <c r="AI5" s="656"/>
      <c r="AJ5" s="656"/>
      <c r="AK5" s="656"/>
      <c r="AL5" s="656"/>
      <c r="AM5" s="656"/>
    </row>
    <row r="6" spans="1:39" ht="18" customHeight="1" thickTop="1" x14ac:dyDescent="0.15">
      <c r="A6" s="695">
        <v>1</v>
      </c>
      <c r="B6" s="696" t="s">
        <v>227</v>
      </c>
      <c r="C6" s="697">
        <v>2614</v>
      </c>
      <c r="D6" s="698">
        <v>7</v>
      </c>
      <c r="E6" s="697">
        <v>894</v>
      </c>
      <c r="F6" s="698">
        <v>20</v>
      </c>
      <c r="G6" s="697">
        <v>264</v>
      </c>
      <c r="H6" s="698">
        <v>12</v>
      </c>
      <c r="I6" s="697">
        <v>37265</v>
      </c>
      <c r="J6" s="698">
        <v>16</v>
      </c>
      <c r="K6" s="697">
        <v>43</v>
      </c>
      <c r="L6" s="699">
        <v>5</v>
      </c>
      <c r="M6" s="664"/>
      <c r="N6" s="664"/>
      <c r="O6" s="664"/>
      <c r="P6" s="664"/>
      <c r="Q6" s="664"/>
      <c r="R6" s="664"/>
      <c r="S6" s="664"/>
      <c r="T6" s="664"/>
      <c r="U6" s="664"/>
      <c r="V6" s="664"/>
      <c r="W6" s="664"/>
      <c r="X6" s="664"/>
      <c r="Y6" s="664"/>
      <c r="Z6" s="664"/>
      <c r="AA6" s="664"/>
      <c r="AB6" s="664"/>
      <c r="AC6" s="664"/>
      <c r="AD6" s="664"/>
      <c r="AE6" s="664"/>
      <c r="AF6" s="664"/>
      <c r="AG6" s="664"/>
      <c r="AH6" s="664"/>
      <c r="AI6" s="664"/>
      <c r="AJ6" s="664"/>
      <c r="AK6" s="664"/>
      <c r="AL6" s="664"/>
      <c r="AM6" s="572"/>
    </row>
    <row r="7" spans="1:39" ht="18" customHeight="1" x14ac:dyDescent="0.15">
      <c r="A7" s="700">
        <v>2</v>
      </c>
      <c r="B7" s="701" t="s">
        <v>225</v>
      </c>
      <c r="C7" s="702">
        <v>2623</v>
      </c>
      <c r="D7" s="703">
        <v>6</v>
      </c>
      <c r="E7" s="702">
        <v>1188</v>
      </c>
      <c r="F7" s="703">
        <v>6</v>
      </c>
      <c r="G7" s="702">
        <v>264</v>
      </c>
      <c r="H7" s="703">
        <v>12</v>
      </c>
      <c r="I7" s="702">
        <v>35531</v>
      </c>
      <c r="J7" s="703">
        <v>26</v>
      </c>
      <c r="K7" s="702">
        <v>20</v>
      </c>
      <c r="L7" s="699">
        <v>14</v>
      </c>
      <c r="M7" s="664"/>
      <c r="N7" s="664"/>
      <c r="O7" s="664"/>
      <c r="P7" s="664"/>
      <c r="Q7" s="664"/>
      <c r="R7" s="664"/>
      <c r="S7" s="664"/>
      <c r="T7" s="664"/>
      <c r="U7" s="664"/>
      <c r="V7" s="664"/>
      <c r="W7" s="664"/>
      <c r="X7" s="664"/>
      <c r="Y7" s="664"/>
      <c r="Z7" s="664"/>
      <c r="AA7" s="664"/>
      <c r="AB7" s="664"/>
      <c r="AC7" s="664"/>
      <c r="AD7" s="664"/>
      <c r="AE7" s="664"/>
      <c r="AF7" s="664"/>
      <c r="AG7" s="664"/>
      <c r="AH7" s="664"/>
      <c r="AI7" s="664"/>
      <c r="AJ7" s="664"/>
      <c r="AK7" s="664"/>
      <c r="AL7" s="664"/>
      <c r="AM7" s="572"/>
    </row>
    <row r="8" spans="1:39" ht="18" customHeight="1" x14ac:dyDescent="0.15">
      <c r="A8" s="700">
        <v>3</v>
      </c>
      <c r="B8" s="701" t="s">
        <v>223</v>
      </c>
      <c r="C8" s="702">
        <v>2357</v>
      </c>
      <c r="D8" s="703">
        <v>10</v>
      </c>
      <c r="E8" s="702">
        <v>914</v>
      </c>
      <c r="F8" s="703">
        <v>18</v>
      </c>
      <c r="G8" s="702">
        <v>207</v>
      </c>
      <c r="H8" s="703">
        <v>22</v>
      </c>
      <c r="I8" s="702">
        <v>40733</v>
      </c>
      <c r="J8" s="703">
        <v>9</v>
      </c>
      <c r="K8" s="702">
        <v>15</v>
      </c>
      <c r="L8" s="699">
        <v>18</v>
      </c>
      <c r="M8" s="664"/>
      <c r="N8" s="664"/>
      <c r="O8" s="664"/>
      <c r="P8" s="664"/>
      <c r="Q8" s="664"/>
      <c r="R8" s="664"/>
      <c r="S8" s="664"/>
      <c r="T8" s="664"/>
      <c r="U8" s="664"/>
      <c r="V8" s="664"/>
      <c r="W8" s="664"/>
      <c r="X8" s="664"/>
      <c r="Y8" s="664"/>
      <c r="Z8" s="664"/>
      <c r="AA8" s="664"/>
      <c r="AB8" s="664"/>
      <c r="AC8" s="664"/>
      <c r="AD8" s="664"/>
      <c r="AE8" s="664"/>
      <c r="AF8" s="664"/>
      <c r="AG8" s="664"/>
      <c r="AH8" s="664"/>
      <c r="AI8" s="664"/>
      <c r="AJ8" s="664"/>
      <c r="AK8" s="664"/>
      <c r="AL8" s="664"/>
      <c r="AM8" s="572"/>
    </row>
    <row r="9" spans="1:39" ht="18" customHeight="1" x14ac:dyDescent="0.15">
      <c r="A9" s="700">
        <v>4</v>
      </c>
      <c r="B9" s="701" t="s">
        <v>221</v>
      </c>
      <c r="C9" s="702">
        <v>1888</v>
      </c>
      <c r="D9" s="703">
        <v>18</v>
      </c>
      <c r="E9" s="702">
        <v>1395</v>
      </c>
      <c r="F9" s="703">
        <v>3</v>
      </c>
      <c r="G9" s="702">
        <v>274</v>
      </c>
      <c r="H9" s="703">
        <v>11</v>
      </c>
      <c r="I9" s="702">
        <v>36928</v>
      </c>
      <c r="J9" s="703">
        <v>19</v>
      </c>
      <c r="K9" s="702">
        <v>34</v>
      </c>
      <c r="L9" s="699">
        <v>7</v>
      </c>
      <c r="M9" s="664"/>
      <c r="N9" s="664"/>
      <c r="O9" s="664"/>
      <c r="P9" s="664"/>
      <c r="Q9" s="664"/>
      <c r="R9" s="664"/>
      <c r="S9" s="664"/>
      <c r="T9" s="664"/>
      <c r="U9" s="664"/>
      <c r="V9" s="664"/>
      <c r="W9" s="664"/>
      <c r="X9" s="664"/>
      <c r="Y9" s="664"/>
      <c r="Z9" s="664"/>
      <c r="AA9" s="664"/>
      <c r="AB9" s="664"/>
      <c r="AC9" s="664"/>
      <c r="AD9" s="664"/>
      <c r="AE9" s="664"/>
      <c r="AF9" s="664"/>
      <c r="AG9" s="664"/>
      <c r="AH9" s="664"/>
      <c r="AI9" s="664"/>
      <c r="AJ9" s="664"/>
      <c r="AK9" s="664"/>
      <c r="AL9" s="664"/>
      <c r="AM9" s="572"/>
    </row>
    <row r="10" spans="1:39" ht="18" customHeight="1" x14ac:dyDescent="0.15">
      <c r="A10" s="700">
        <v>5</v>
      </c>
      <c r="B10" s="701" t="s">
        <v>219</v>
      </c>
      <c r="C10" s="702">
        <v>1801</v>
      </c>
      <c r="D10" s="703">
        <v>21</v>
      </c>
      <c r="E10" s="702">
        <v>985</v>
      </c>
      <c r="F10" s="703">
        <v>16</v>
      </c>
      <c r="G10" s="702">
        <v>300</v>
      </c>
      <c r="H10" s="703">
        <v>7</v>
      </c>
      <c r="I10" s="702">
        <v>32289</v>
      </c>
      <c r="J10" s="703">
        <v>31</v>
      </c>
      <c r="K10" s="702">
        <v>18</v>
      </c>
      <c r="L10" s="699">
        <v>17</v>
      </c>
      <c r="M10" s="664"/>
      <c r="N10" s="664"/>
      <c r="O10" s="664"/>
      <c r="P10" s="664"/>
      <c r="Q10" s="664"/>
      <c r="R10" s="664"/>
      <c r="S10" s="664"/>
      <c r="T10" s="664"/>
      <c r="U10" s="664"/>
      <c r="V10" s="664"/>
      <c r="W10" s="664"/>
      <c r="X10" s="664"/>
      <c r="Y10" s="664"/>
      <c r="Z10" s="664"/>
      <c r="AA10" s="664"/>
      <c r="AB10" s="664"/>
      <c r="AC10" s="664"/>
      <c r="AD10" s="664"/>
      <c r="AE10" s="664"/>
      <c r="AF10" s="664"/>
      <c r="AG10" s="664"/>
      <c r="AH10" s="664"/>
      <c r="AI10" s="664"/>
      <c r="AJ10" s="664"/>
      <c r="AK10" s="664"/>
      <c r="AL10" s="664"/>
      <c r="AM10" s="572"/>
    </row>
    <row r="11" spans="1:39" ht="18" customHeight="1" x14ac:dyDescent="0.15">
      <c r="A11" s="700">
        <v>6</v>
      </c>
      <c r="B11" s="701" t="s">
        <v>217</v>
      </c>
      <c r="C11" s="702">
        <v>2206</v>
      </c>
      <c r="D11" s="703">
        <v>11</v>
      </c>
      <c r="E11" s="702">
        <v>1042</v>
      </c>
      <c r="F11" s="703">
        <v>10</v>
      </c>
      <c r="G11" s="702">
        <v>402</v>
      </c>
      <c r="H11" s="703">
        <v>3</v>
      </c>
      <c r="I11" s="702">
        <v>34873</v>
      </c>
      <c r="J11" s="703">
        <v>28</v>
      </c>
      <c r="K11" s="702">
        <v>151</v>
      </c>
      <c r="L11" s="699">
        <v>1</v>
      </c>
      <c r="M11" s="664"/>
      <c r="N11" s="664"/>
      <c r="O11" s="664"/>
      <c r="P11" s="664"/>
      <c r="Q11" s="664"/>
      <c r="R11" s="664"/>
      <c r="S11" s="664"/>
      <c r="T11" s="664"/>
      <c r="U11" s="664"/>
      <c r="V11" s="664"/>
      <c r="W11" s="664"/>
      <c r="X11" s="664"/>
      <c r="Y11" s="664"/>
      <c r="Z11" s="664"/>
      <c r="AA11" s="664"/>
      <c r="AB11" s="664"/>
      <c r="AC11" s="664"/>
      <c r="AD11" s="664"/>
      <c r="AE11" s="664"/>
      <c r="AF11" s="664"/>
      <c r="AG11" s="664"/>
      <c r="AH11" s="664"/>
      <c r="AI11" s="664"/>
      <c r="AJ11" s="664"/>
      <c r="AK11" s="664"/>
      <c r="AL11" s="664"/>
      <c r="AM11" s="572"/>
    </row>
    <row r="12" spans="1:39" ht="18" customHeight="1" x14ac:dyDescent="0.15">
      <c r="A12" s="700">
        <v>7</v>
      </c>
      <c r="B12" s="701" t="s">
        <v>216</v>
      </c>
      <c r="C12" s="702">
        <v>2118</v>
      </c>
      <c r="D12" s="703">
        <v>13</v>
      </c>
      <c r="E12" s="702">
        <v>872</v>
      </c>
      <c r="F12" s="703">
        <v>22</v>
      </c>
      <c r="G12" s="702">
        <v>279</v>
      </c>
      <c r="H12" s="703">
        <v>9</v>
      </c>
      <c r="I12" s="702">
        <v>42743</v>
      </c>
      <c r="J12" s="703">
        <v>7</v>
      </c>
      <c r="K12" s="702">
        <v>13</v>
      </c>
      <c r="L12" s="699">
        <v>19</v>
      </c>
      <c r="M12" s="664"/>
      <c r="N12" s="664"/>
      <c r="O12" s="664"/>
      <c r="P12" s="664"/>
      <c r="Q12" s="664"/>
      <c r="R12" s="664"/>
      <c r="S12" s="664"/>
      <c r="T12" s="664"/>
      <c r="U12" s="664"/>
      <c r="V12" s="664"/>
      <c r="W12" s="664"/>
      <c r="X12" s="664"/>
      <c r="Y12" s="664"/>
      <c r="Z12" s="664"/>
      <c r="AA12" s="664"/>
      <c r="AB12" s="664"/>
      <c r="AC12" s="664"/>
      <c r="AD12" s="664"/>
      <c r="AE12" s="664"/>
      <c r="AF12" s="664"/>
      <c r="AG12" s="664"/>
      <c r="AH12" s="664"/>
      <c r="AI12" s="664"/>
      <c r="AJ12" s="664"/>
      <c r="AK12" s="664"/>
      <c r="AL12" s="664"/>
      <c r="AM12" s="572"/>
    </row>
    <row r="13" spans="1:39" ht="18" customHeight="1" x14ac:dyDescent="0.15">
      <c r="A13" s="700">
        <v>8</v>
      </c>
      <c r="B13" s="701" t="s">
        <v>214</v>
      </c>
      <c r="C13" s="702">
        <v>2877</v>
      </c>
      <c r="D13" s="703">
        <v>3</v>
      </c>
      <c r="E13" s="702">
        <v>1025</v>
      </c>
      <c r="F13" s="703">
        <v>11</v>
      </c>
      <c r="G13" s="702">
        <v>207</v>
      </c>
      <c r="H13" s="703">
        <v>22</v>
      </c>
      <c r="I13" s="702">
        <v>34007</v>
      </c>
      <c r="J13" s="703">
        <v>30</v>
      </c>
      <c r="K13" s="702">
        <v>84</v>
      </c>
      <c r="L13" s="699">
        <v>3</v>
      </c>
      <c r="M13" s="664"/>
      <c r="N13" s="664"/>
      <c r="O13" s="664"/>
      <c r="P13" s="664"/>
      <c r="Q13" s="664"/>
      <c r="R13" s="664"/>
      <c r="S13" s="664"/>
      <c r="T13" s="664"/>
      <c r="U13" s="664"/>
      <c r="V13" s="664"/>
      <c r="W13" s="664"/>
      <c r="X13" s="664"/>
      <c r="Y13" s="664"/>
      <c r="Z13" s="664"/>
      <c r="AA13" s="664"/>
      <c r="AB13" s="664"/>
      <c r="AC13" s="664"/>
      <c r="AD13" s="664"/>
      <c r="AE13" s="664"/>
      <c r="AF13" s="664"/>
      <c r="AG13" s="664"/>
      <c r="AH13" s="664"/>
      <c r="AI13" s="664"/>
      <c r="AJ13" s="664"/>
      <c r="AK13" s="664"/>
      <c r="AL13" s="664"/>
      <c r="AM13" s="572"/>
    </row>
    <row r="14" spans="1:39" ht="18" customHeight="1" x14ac:dyDescent="0.15">
      <c r="A14" s="700">
        <v>9</v>
      </c>
      <c r="B14" s="701" t="s">
        <v>212</v>
      </c>
      <c r="C14" s="702">
        <v>2770</v>
      </c>
      <c r="D14" s="703">
        <v>4</v>
      </c>
      <c r="E14" s="702">
        <v>1000</v>
      </c>
      <c r="F14" s="703">
        <v>13</v>
      </c>
      <c r="G14" s="702">
        <v>249</v>
      </c>
      <c r="H14" s="703">
        <v>17</v>
      </c>
      <c r="I14" s="702">
        <v>38833</v>
      </c>
      <c r="J14" s="703">
        <v>12</v>
      </c>
      <c r="K14" s="702">
        <v>5</v>
      </c>
      <c r="L14" s="699">
        <v>23</v>
      </c>
      <c r="M14" s="664"/>
      <c r="N14" s="664"/>
      <c r="O14" s="664"/>
      <c r="P14" s="664"/>
      <c r="Q14" s="664"/>
      <c r="R14" s="664"/>
      <c r="S14" s="664"/>
      <c r="T14" s="664"/>
      <c r="U14" s="664"/>
      <c r="V14" s="664"/>
      <c r="W14" s="664"/>
      <c r="X14" s="664"/>
      <c r="Y14" s="664"/>
      <c r="Z14" s="664"/>
      <c r="AA14" s="664"/>
      <c r="AB14" s="664"/>
      <c r="AC14" s="664"/>
      <c r="AD14" s="664"/>
      <c r="AE14" s="664"/>
      <c r="AF14" s="664"/>
      <c r="AG14" s="664"/>
      <c r="AH14" s="664"/>
      <c r="AI14" s="664"/>
      <c r="AJ14" s="664"/>
      <c r="AK14" s="664"/>
      <c r="AL14" s="664"/>
      <c r="AM14" s="572"/>
    </row>
    <row r="15" spans="1:39" ht="18" customHeight="1" x14ac:dyDescent="0.15">
      <c r="A15" s="700">
        <v>10</v>
      </c>
      <c r="B15" s="701" t="s">
        <v>210</v>
      </c>
      <c r="C15" s="702">
        <v>2969</v>
      </c>
      <c r="D15" s="703">
        <v>2</v>
      </c>
      <c r="E15" s="702">
        <v>794</v>
      </c>
      <c r="F15" s="703">
        <v>25</v>
      </c>
      <c r="G15" s="702">
        <v>228</v>
      </c>
      <c r="H15" s="703">
        <v>19</v>
      </c>
      <c r="I15" s="702">
        <v>36205</v>
      </c>
      <c r="J15" s="703">
        <v>22</v>
      </c>
      <c r="K15" s="702">
        <v>23</v>
      </c>
      <c r="L15" s="699">
        <v>12</v>
      </c>
      <c r="M15" s="664"/>
      <c r="N15" s="664"/>
      <c r="O15" s="664"/>
      <c r="P15" s="664"/>
      <c r="Q15" s="664"/>
      <c r="R15" s="664"/>
      <c r="S15" s="664"/>
      <c r="T15" s="664"/>
      <c r="U15" s="664"/>
      <c r="V15" s="664"/>
      <c r="W15" s="664"/>
      <c r="X15" s="664"/>
      <c r="Y15" s="664"/>
      <c r="Z15" s="664"/>
      <c r="AA15" s="664"/>
      <c r="AB15" s="664"/>
      <c r="AC15" s="664"/>
      <c r="AD15" s="664"/>
      <c r="AE15" s="664"/>
      <c r="AF15" s="664"/>
      <c r="AG15" s="664"/>
      <c r="AH15" s="664"/>
      <c r="AI15" s="664"/>
      <c r="AJ15" s="664"/>
      <c r="AK15" s="664"/>
      <c r="AL15" s="664"/>
      <c r="AM15" s="572"/>
    </row>
    <row r="16" spans="1:39" ht="18" customHeight="1" x14ac:dyDescent="0.15">
      <c r="A16" s="700">
        <v>11</v>
      </c>
      <c r="B16" s="701" t="s">
        <v>208</v>
      </c>
      <c r="C16" s="702">
        <v>2516</v>
      </c>
      <c r="D16" s="703">
        <v>9</v>
      </c>
      <c r="E16" s="702">
        <v>706</v>
      </c>
      <c r="F16" s="703">
        <v>31</v>
      </c>
      <c r="G16" s="702">
        <v>246</v>
      </c>
      <c r="H16" s="703">
        <v>18</v>
      </c>
      <c r="I16" s="702">
        <v>37041</v>
      </c>
      <c r="J16" s="703">
        <v>18</v>
      </c>
      <c r="K16" s="702">
        <v>8</v>
      </c>
      <c r="L16" s="699">
        <v>20</v>
      </c>
      <c r="M16" s="664"/>
      <c r="N16" s="664"/>
      <c r="O16" s="664"/>
      <c r="P16" s="664"/>
      <c r="Q16" s="664"/>
      <c r="R16" s="664"/>
      <c r="S16" s="664"/>
      <c r="T16" s="664"/>
      <c r="U16" s="664"/>
      <c r="V16" s="664"/>
      <c r="W16" s="664"/>
      <c r="X16" s="664"/>
      <c r="Y16" s="664"/>
      <c r="Z16" s="664"/>
      <c r="AA16" s="664"/>
      <c r="AB16" s="664"/>
      <c r="AC16" s="664"/>
      <c r="AD16" s="664"/>
      <c r="AE16" s="664"/>
      <c r="AF16" s="664"/>
      <c r="AG16" s="664"/>
      <c r="AH16" s="664"/>
      <c r="AI16" s="664"/>
      <c r="AJ16" s="664"/>
      <c r="AK16" s="664"/>
      <c r="AL16" s="664"/>
      <c r="AM16" s="572"/>
    </row>
    <row r="17" spans="1:39" ht="18" customHeight="1" x14ac:dyDescent="0.15">
      <c r="A17" s="700">
        <v>12</v>
      </c>
      <c r="B17" s="701" t="s">
        <v>206</v>
      </c>
      <c r="C17" s="702">
        <v>1706</v>
      </c>
      <c r="D17" s="703">
        <v>23</v>
      </c>
      <c r="E17" s="702">
        <v>805</v>
      </c>
      <c r="F17" s="703">
        <v>24</v>
      </c>
      <c r="G17" s="702">
        <v>155</v>
      </c>
      <c r="H17" s="703">
        <v>29</v>
      </c>
      <c r="I17" s="702">
        <v>37610</v>
      </c>
      <c r="J17" s="703">
        <v>15</v>
      </c>
      <c r="K17" s="702">
        <v>5</v>
      </c>
      <c r="L17" s="699">
        <v>23</v>
      </c>
      <c r="M17" s="664"/>
      <c r="N17" s="664"/>
      <c r="O17" s="664"/>
      <c r="P17" s="664"/>
      <c r="Q17" s="664"/>
      <c r="R17" s="664"/>
      <c r="S17" s="664"/>
      <c r="T17" s="664"/>
      <c r="U17" s="664"/>
      <c r="V17" s="664"/>
      <c r="W17" s="664"/>
      <c r="X17" s="664"/>
      <c r="Y17" s="664"/>
      <c r="Z17" s="664"/>
      <c r="AA17" s="664"/>
      <c r="AB17" s="664"/>
      <c r="AC17" s="664"/>
      <c r="AD17" s="664"/>
      <c r="AE17" s="664"/>
      <c r="AF17" s="664"/>
      <c r="AG17" s="664"/>
      <c r="AH17" s="664"/>
      <c r="AI17" s="664"/>
      <c r="AJ17" s="664"/>
      <c r="AK17" s="664"/>
      <c r="AL17" s="664"/>
      <c r="AM17" s="572"/>
    </row>
    <row r="18" spans="1:39" ht="18" customHeight="1" x14ac:dyDescent="0.15">
      <c r="A18" s="700">
        <v>13</v>
      </c>
      <c r="B18" s="701" t="s">
        <v>204</v>
      </c>
      <c r="C18" s="702">
        <v>1878</v>
      </c>
      <c r="D18" s="703">
        <v>19</v>
      </c>
      <c r="E18" s="702">
        <v>918</v>
      </c>
      <c r="F18" s="703">
        <v>17</v>
      </c>
      <c r="G18" s="702">
        <v>254</v>
      </c>
      <c r="H18" s="703">
        <v>15</v>
      </c>
      <c r="I18" s="702">
        <v>35635</v>
      </c>
      <c r="J18" s="703">
        <v>25</v>
      </c>
      <c r="K18" s="702">
        <v>26</v>
      </c>
      <c r="L18" s="699">
        <v>11</v>
      </c>
      <c r="M18" s="664"/>
      <c r="N18" s="664"/>
      <c r="O18" s="664"/>
      <c r="P18" s="664"/>
      <c r="Q18" s="664"/>
      <c r="R18" s="664"/>
      <c r="S18" s="664"/>
      <c r="T18" s="664"/>
      <c r="U18" s="664"/>
      <c r="V18" s="664"/>
      <c r="W18" s="664"/>
      <c r="X18" s="664"/>
      <c r="Y18" s="664"/>
      <c r="Z18" s="664"/>
      <c r="AA18" s="664"/>
      <c r="AB18" s="664"/>
      <c r="AC18" s="664"/>
      <c r="AD18" s="664"/>
      <c r="AE18" s="664"/>
      <c r="AF18" s="664"/>
      <c r="AG18" s="664"/>
      <c r="AH18" s="664"/>
      <c r="AI18" s="664"/>
      <c r="AJ18" s="664"/>
      <c r="AK18" s="664"/>
      <c r="AL18" s="664"/>
      <c r="AM18" s="572"/>
    </row>
    <row r="19" spans="1:39" ht="18" customHeight="1" x14ac:dyDescent="0.15">
      <c r="A19" s="700">
        <v>14</v>
      </c>
      <c r="B19" s="701" t="s">
        <v>202</v>
      </c>
      <c r="C19" s="702">
        <v>3068</v>
      </c>
      <c r="D19" s="703">
        <v>1</v>
      </c>
      <c r="E19" s="702">
        <v>887</v>
      </c>
      <c r="F19" s="703">
        <v>21</v>
      </c>
      <c r="G19" s="702">
        <v>162</v>
      </c>
      <c r="H19" s="703">
        <v>27</v>
      </c>
      <c r="I19" s="702">
        <v>35674</v>
      </c>
      <c r="J19" s="703">
        <v>24</v>
      </c>
      <c r="K19" s="702">
        <v>20</v>
      </c>
      <c r="L19" s="699">
        <v>14</v>
      </c>
      <c r="M19" s="664"/>
      <c r="N19" s="664"/>
      <c r="O19" s="664"/>
      <c r="P19" s="664"/>
      <c r="Q19" s="664"/>
      <c r="R19" s="664"/>
      <c r="S19" s="664"/>
      <c r="T19" s="664"/>
      <c r="U19" s="664"/>
      <c r="V19" s="664"/>
      <c r="W19" s="664"/>
      <c r="X19" s="664"/>
      <c r="Y19" s="664"/>
      <c r="Z19" s="664"/>
      <c r="AA19" s="664"/>
      <c r="AB19" s="664"/>
      <c r="AC19" s="664"/>
      <c r="AD19" s="664"/>
      <c r="AE19" s="664"/>
      <c r="AF19" s="664"/>
      <c r="AG19" s="664"/>
      <c r="AH19" s="664"/>
      <c r="AI19" s="664"/>
      <c r="AJ19" s="664"/>
      <c r="AK19" s="664"/>
      <c r="AL19" s="664"/>
      <c r="AM19" s="572"/>
    </row>
    <row r="20" spans="1:39" ht="18" customHeight="1" x14ac:dyDescent="0.15">
      <c r="A20" s="700">
        <v>15</v>
      </c>
      <c r="B20" s="701" t="s">
        <v>200</v>
      </c>
      <c r="C20" s="702">
        <v>2185</v>
      </c>
      <c r="D20" s="703">
        <v>12</v>
      </c>
      <c r="E20" s="702">
        <v>998</v>
      </c>
      <c r="F20" s="703">
        <v>14</v>
      </c>
      <c r="G20" s="702">
        <v>171</v>
      </c>
      <c r="H20" s="703">
        <v>26</v>
      </c>
      <c r="I20" s="702">
        <v>39732</v>
      </c>
      <c r="J20" s="703">
        <v>11</v>
      </c>
      <c r="K20" s="702">
        <v>30</v>
      </c>
      <c r="L20" s="699">
        <v>8</v>
      </c>
      <c r="M20" s="664"/>
      <c r="N20" s="664"/>
      <c r="O20" s="664"/>
      <c r="P20" s="664"/>
      <c r="Q20" s="664"/>
      <c r="R20" s="664"/>
      <c r="S20" s="664"/>
      <c r="T20" s="664"/>
      <c r="U20" s="664"/>
      <c r="V20" s="664"/>
      <c r="W20" s="664"/>
      <c r="X20" s="664"/>
      <c r="Y20" s="664"/>
      <c r="Z20" s="664"/>
      <c r="AA20" s="664"/>
      <c r="AB20" s="664"/>
      <c r="AC20" s="664"/>
      <c r="AD20" s="664"/>
      <c r="AE20" s="664"/>
      <c r="AF20" s="664"/>
      <c r="AG20" s="664"/>
      <c r="AH20" s="664"/>
      <c r="AI20" s="664"/>
      <c r="AJ20" s="664"/>
      <c r="AK20" s="664"/>
      <c r="AL20" s="664"/>
      <c r="AM20" s="572"/>
    </row>
    <row r="21" spans="1:39" ht="18" customHeight="1" x14ac:dyDescent="0.15">
      <c r="A21" s="700">
        <v>16</v>
      </c>
      <c r="B21" s="701" t="s">
        <v>198</v>
      </c>
      <c r="C21" s="702">
        <v>1922</v>
      </c>
      <c r="D21" s="703">
        <v>17</v>
      </c>
      <c r="E21" s="702">
        <v>1008</v>
      </c>
      <c r="F21" s="703">
        <v>12</v>
      </c>
      <c r="G21" s="702">
        <v>369</v>
      </c>
      <c r="H21" s="703">
        <v>5</v>
      </c>
      <c r="I21" s="702">
        <v>36663</v>
      </c>
      <c r="J21" s="703">
        <v>20</v>
      </c>
      <c r="K21" s="702">
        <v>53</v>
      </c>
      <c r="L21" s="699">
        <v>4</v>
      </c>
      <c r="M21" s="664"/>
      <c r="N21" s="664"/>
      <c r="O21" s="664"/>
      <c r="P21" s="664"/>
      <c r="Q21" s="664"/>
      <c r="R21" s="664"/>
      <c r="S21" s="664"/>
      <c r="T21" s="664"/>
      <c r="U21" s="664"/>
      <c r="V21" s="664"/>
      <c r="W21" s="664"/>
      <c r="X21" s="664"/>
      <c r="Y21" s="664"/>
      <c r="Z21" s="664"/>
      <c r="AA21" s="664"/>
      <c r="AB21" s="664"/>
      <c r="AC21" s="664"/>
      <c r="AD21" s="664"/>
      <c r="AE21" s="664"/>
      <c r="AF21" s="664"/>
      <c r="AG21" s="664"/>
      <c r="AH21" s="664"/>
      <c r="AI21" s="664"/>
      <c r="AJ21" s="664"/>
      <c r="AK21" s="664"/>
      <c r="AL21" s="664"/>
      <c r="AM21" s="572"/>
    </row>
    <row r="22" spans="1:39" ht="18" customHeight="1" x14ac:dyDescent="0.15">
      <c r="A22" s="700">
        <v>17</v>
      </c>
      <c r="B22" s="701" t="s">
        <v>196</v>
      </c>
      <c r="C22" s="702">
        <v>2090</v>
      </c>
      <c r="D22" s="703">
        <v>14</v>
      </c>
      <c r="E22" s="702">
        <v>896</v>
      </c>
      <c r="F22" s="703">
        <v>19</v>
      </c>
      <c r="G22" s="702">
        <v>98</v>
      </c>
      <c r="H22" s="703">
        <v>31</v>
      </c>
      <c r="I22" s="702">
        <v>36438</v>
      </c>
      <c r="J22" s="703">
        <v>21</v>
      </c>
      <c r="K22" s="702">
        <v>85</v>
      </c>
      <c r="L22" s="699">
        <v>2</v>
      </c>
      <c r="M22" s="664"/>
      <c r="N22" s="664"/>
      <c r="O22" s="664"/>
      <c r="P22" s="664"/>
      <c r="Q22" s="664"/>
      <c r="R22" s="664"/>
      <c r="S22" s="664"/>
      <c r="T22" s="664"/>
      <c r="U22" s="664"/>
      <c r="V22" s="664"/>
      <c r="W22" s="664"/>
      <c r="X22" s="664"/>
      <c r="Y22" s="664"/>
      <c r="Z22" s="664"/>
      <c r="AA22" s="664"/>
      <c r="AB22" s="664"/>
      <c r="AC22" s="664"/>
      <c r="AD22" s="664"/>
      <c r="AE22" s="664"/>
      <c r="AF22" s="664"/>
      <c r="AG22" s="664"/>
      <c r="AH22" s="664"/>
      <c r="AI22" s="664"/>
      <c r="AJ22" s="664"/>
      <c r="AK22" s="664"/>
      <c r="AL22" s="664"/>
      <c r="AM22" s="572"/>
    </row>
    <row r="23" spans="1:39" ht="18" customHeight="1" x14ac:dyDescent="0.15">
      <c r="A23" s="700">
        <v>18</v>
      </c>
      <c r="B23" s="701" t="s">
        <v>194</v>
      </c>
      <c r="C23" s="702">
        <v>1929</v>
      </c>
      <c r="D23" s="703">
        <v>16</v>
      </c>
      <c r="E23" s="702">
        <v>1396</v>
      </c>
      <c r="F23" s="703">
        <v>2</v>
      </c>
      <c r="G23" s="702">
        <v>158</v>
      </c>
      <c r="H23" s="703">
        <v>28</v>
      </c>
      <c r="I23" s="702">
        <v>43125</v>
      </c>
      <c r="J23" s="703">
        <v>5</v>
      </c>
      <c r="K23" s="702">
        <v>28</v>
      </c>
      <c r="L23" s="699">
        <v>10</v>
      </c>
      <c r="M23" s="664"/>
      <c r="N23" s="664"/>
      <c r="O23" s="664"/>
      <c r="P23" s="664"/>
      <c r="Q23" s="664"/>
      <c r="R23" s="664"/>
      <c r="S23" s="664"/>
      <c r="T23" s="664"/>
      <c r="U23" s="664"/>
      <c r="V23" s="664"/>
      <c r="W23" s="664"/>
      <c r="X23" s="664"/>
      <c r="Y23" s="664"/>
      <c r="Z23" s="664"/>
      <c r="AA23" s="664"/>
      <c r="AB23" s="664"/>
      <c r="AC23" s="664"/>
      <c r="AD23" s="664"/>
      <c r="AE23" s="664"/>
      <c r="AF23" s="664"/>
      <c r="AG23" s="664"/>
      <c r="AH23" s="664"/>
      <c r="AI23" s="664"/>
      <c r="AJ23" s="664"/>
      <c r="AK23" s="664"/>
      <c r="AL23" s="664"/>
      <c r="AM23" s="572"/>
    </row>
    <row r="24" spans="1:39" ht="18" customHeight="1" x14ac:dyDescent="0.15">
      <c r="A24" s="700">
        <v>19</v>
      </c>
      <c r="B24" s="701" t="s">
        <v>192</v>
      </c>
      <c r="C24" s="702">
        <v>1484</v>
      </c>
      <c r="D24" s="703">
        <v>26</v>
      </c>
      <c r="E24" s="702">
        <v>770</v>
      </c>
      <c r="F24" s="703">
        <v>27</v>
      </c>
      <c r="G24" s="702">
        <v>441</v>
      </c>
      <c r="H24" s="703">
        <v>2</v>
      </c>
      <c r="I24" s="702">
        <v>30968</v>
      </c>
      <c r="J24" s="703">
        <v>32</v>
      </c>
      <c r="K24" s="702">
        <v>4</v>
      </c>
      <c r="L24" s="699">
        <v>26</v>
      </c>
      <c r="M24" s="664"/>
      <c r="N24" s="664"/>
      <c r="O24" s="664"/>
      <c r="P24" s="664"/>
      <c r="Q24" s="664"/>
      <c r="R24" s="664"/>
      <c r="S24" s="664"/>
      <c r="T24" s="664"/>
      <c r="U24" s="664"/>
      <c r="V24" s="664"/>
      <c r="W24" s="664"/>
      <c r="X24" s="664"/>
      <c r="Y24" s="664"/>
      <c r="Z24" s="664"/>
      <c r="AA24" s="664"/>
      <c r="AB24" s="664"/>
      <c r="AC24" s="664"/>
      <c r="AD24" s="664"/>
      <c r="AE24" s="664"/>
      <c r="AF24" s="664"/>
      <c r="AG24" s="664"/>
      <c r="AH24" s="664"/>
      <c r="AI24" s="664"/>
      <c r="AJ24" s="664"/>
      <c r="AK24" s="664"/>
      <c r="AL24" s="664"/>
      <c r="AM24" s="572"/>
    </row>
    <row r="25" spans="1:39" ht="18" customHeight="1" x14ac:dyDescent="0.15">
      <c r="A25" s="700">
        <v>20</v>
      </c>
      <c r="B25" s="701" t="s">
        <v>191</v>
      </c>
      <c r="C25" s="702">
        <v>1957</v>
      </c>
      <c r="D25" s="703">
        <v>15</v>
      </c>
      <c r="E25" s="702">
        <v>1159</v>
      </c>
      <c r="F25" s="703">
        <v>8</v>
      </c>
      <c r="G25" s="702">
        <v>251</v>
      </c>
      <c r="H25" s="703">
        <v>16</v>
      </c>
      <c r="I25" s="702">
        <v>35901</v>
      </c>
      <c r="J25" s="703">
        <v>23</v>
      </c>
      <c r="K25" s="702">
        <v>0</v>
      </c>
      <c r="L25" s="699">
        <v>28</v>
      </c>
      <c r="M25" s="664"/>
      <c r="N25" s="664"/>
      <c r="O25" s="664"/>
      <c r="P25" s="664"/>
      <c r="Q25" s="664"/>
      <c r="R25" s="664"/>
      <c r="S25" s="664"/>
      <c r="T25" s="664"/>
      <c r="U25" s="664"/>
      <c r="V25" s="664"/>
      <c r="W25" s="664"/>
      <c r="X25" s="664"/>
      <c r="Y25" s="664"/>
      <c r="Z25" s="664"/>
      <c r="AA25" s="664"/>
      <c r="AB25" s="664"/>
      <c r="AC25" s="664"/>
      <c r="AD25" s="664"/>
      <c r="AE25" s="664"/>
      <c r="AF25" s="664"/>
      <c r="AG25" s="664"/>
      <c r="AH25" s="664"/>
      <c r="AI25" s="664"/>
      <c r="AJ25" s="664"/>
      <c r="AK25" s="664"/>
      <c r="AL25" s="664"/>
      <c r="AM25" s="572"/>
    </row>
    <row r="26" spans="1:39" ht="18" customHeight="1" x14ac:dyDescent="0.15">
      <c r="A26" s="700">
        <v>21</v>
      </c>
      <c r="B26" s="701" t="s">
        <v>189</v>
      </c>
      <c r="C26" s="702">
        <v>2654</v>
      </c>
      <c r="D26" s="703">
        <v>5</v>
      </c>
      <c r="E26" s="702">
        <v>738</v>
      </c>
      <c r="F26" s="703">
        <v>30</v>
      </c>
      <c r="G26" s="702">
        <v>177</v>
      </c>
      <c r="H26" s="703">
        <v>25</v>
      </c>
      <c r="I26" s="702">
        <v>37706</v>
      </c>
      <c r="J26" s="703">
        <v>14</v>
      </c>
      <c r="K26" s="702">
        <v>20</v>
      </c>
      <c r="L26" s="699">
        <v>14</v>
      </c>
      <c r="M26" s="664"/>
      <c r="N26" s="664"/>
      <c r="O26" s="664"/>
      <c r="P26" s="664"/>
      <c r="Q26" s="664"/>
      <c r="R26" s="664"/>
      <c r="S26" s="664"/>
      <c r="T26" s="664"/>
      <c r="U26" s="664"/>
      <c r="V26" s="664"/>
      <c r="W26" s="664"/>
      <c r="X26" s="664"/>
      <c r="Y26" s="664"/>
      <c r="Z26" s="664"/>
      <c r="AA26" s="664"/>
      <c r="AB26" s="664"/>
      <c r="AC26" s="664"/>
      <c r="AD26" s="664"/>
      <c r="AE26" s="664"/>
      <c r="AF26" s="664"/>
      <c r="AG26" s="664"/>
      <c r="AH26" s="664"/>
      <c r="AI26" s="664"/>
      <c r="AJ26" s="664"/>
      <c r="AK26" s="664"/>
      <c r="AL26" s="664"/>
      <c r="AM26" s="572"/>
    </row>
    <row r="27" spans="1:39" ht="18" customHeight="1" x14ac:dyDescent="0.15">
      <c r="A27" s="700">
        <v>22</v>
      </c>
      <c r="B27" s="701" t="s">
        <v>187</v>
      </c>
      <c r="C27" s="702">
        <v>1501</v>
      </c>
      <c r="D27" s="703">
        <v>25</v>
      </c>
      <c r="E27" s="702">
        <v>824</v>
      </c>
      <c r="F27" s="703">
        <v>23</v>
      </c>
      <c r="G27" s="702">
        <v>347</v>
      </c>
      <c r="H27" s="703">
        <v>6</v>
      </c>
      <c r="I27" s="702">
        <v>41029</v>
      </c>
      <c r="J27" s="703">
        <v>8</v>
      </c>
      <c r="K27" s="702">
        <v>21</v>
      </c>
      <c r="L27" s="699">
        <v>13</v>
      </c>
      <c r="M27" s="664"/>
      <c r="N27" s="664"/>
      <c r="O27" s="664"/>
      <c r="P27" s="664"/>
      <c r="Q27" s="664"/>
      <c r="R27" s="664"/>
      <c r="S27" s="664"/>
      <c r="T27" s="664"/>
      <c r="U27" s="664"/>
      <c r="V27" s="664"/>
      <c r="W27" s="664"/>
      <c r="X27" s="664"/>
      <c r="Y27" s="664"/>
      <c r="Z27" s="664"/>
      <c r="AA27" s="664"/>
      <c r="AB27" s="664"/>
      <c r="AC27" s="664"/>
      <c r="AD27" s="664"/>
      <c r="AE27" s="664"/>
      <c r="AF27" s="664"/>
      <c r="AG27" s="664"/>
      <c r="AH27" s="664"/>
      <c r="AI27" s="664"/>
      <c r="AJ27" s="664"/>
      <c r="AK27" s="664"/>
      <c r="AL27" s="664"/>
      <c r="AM27" s="572"/>
    </row>
    <row r="28" spans="1:39" ht="18" customHeight="1" x14ac:dyDescent="0.15">
      <c r="A28" s="700">
        <v>23</v>
      </c>
      <c r="B28" s="701" t="s">
        <v>185</v>
      </c>
      <c r="C28" s="702">
        <v>966</v>
      </c>
      <c r="D28" s="703">
        <v>31</v>
      </c>
      <c r="E28" s="702">
        <v>1157</v>
      </c>
      <c r="F28" s="703">
        <v>9</v>
      </c>
      <c r="G28" s="702">
        <v>299</v>
      </c>
      <c r="H28" s="703">
        <v>8</v>
      </c>
      <c r="I28" s="702">
        <v>37098</v>
      </c>
      <c r="J28" s="703">
        <v>17</v>
      </c>
      <c r="K28" s="702">
        <v>7</v>
      </c>
      <c r="L28" s="699">
        <v>22</v>
      </c>
      <c r="M28" s="664"/>
      <c r="N28" s="664"/>
      <c r="O28" s="664"/>
      <c r="P28" s="664"/>
      <c r="Q28" s="664"/>
      <c r="R28" s="664"/>
      <c r="S28" s="664"/>
      <c r="T28" s="664"/>
      <c r="U28" s="664"/>
      <c r="V28" s="664"/>
      <c r="W28" s="664"/>
      <c r="X28" s="664"/>
      <c r="Y28" s="664"/>
      <c r="Z28" s="664"/>
      <c r="AA28" s="664"/>
      <c r="AB28" s="664"/>
      <c r="AC28" s="664"/>
      <c r="AD28" s="664"/>
      <c r="AE28" s="664"/>
      <c r="AF28" s="664"/>
      <c r="AG28" s="664"/>
      <c r="AH28" s="664"/>
      <c r="AI28" s="664"/>
      <c r="AJ28" s="664"/>
      <c r="AK28" s="664"/>
      <c r="AL28" s="664"/>
      <c r="AM28" s="572"/>
    </row>
    <row r="29" spans="1:39" ht="18" customHeight="1" x14ac:dyDescent="0.15">
      <c r="A29" s="700">
        <v>24</v>
      </c>
      <c r="B29" s="701" t="s">
        <v>183</v>
      </c>
      <c r="C29" s="702">
        <v>934</v>
      </c>
      <c r="D29" s="703">
        <v>32</v>
      </c>
      <c r="E29" s="702">
        <v>1328</v>
      </c>
      <c r="F29" s="703">
        <v>4</v>
      </c>
      <c r="G29" s="702">
        <v>66</v>
      </c>
      <c r="H29" s="703">
        <v>32</v>
      </c>
      <c r="I29" s="702">
        <v>38689</v>
      </c>
      <c r="J29" s="703">
        <v>13</v>
      </c>
      <c r="K29" s="702">
        <v>0</v>
      </c>
      <c r="L29" s="699">
        <v>28</v>
      </c>
      <c r="M29" s="664"/>
      <c r="N29" s="664"/>
      <c r="O29" s="664"/>
      <c r="P29" s="664"/>
      <c r="Q29" s="664"/>
      <c r="R29" s="664"/>
      <c r="S29" s="664"/>
      <c r="T29" s="664"/>
      <c r="U29" s="664"/>
      <c r="V29" s="664"/>
      <c r="W29" s="664"/>
      <c r="X29" s="664"/>
      <c r="Y29" s="664"/>
      <c r="Z29" s="664"/>
      <c r="AA29" s="664"/>
      <c r="AB29" s="664"/>
      <c r="AC29" s="664"/>
      <c r="AD29" s="664"/>
      <c r="AE29" s="664"/>
      <c r="AF29" s="664"/>
      <c r="AG29" s="664"/>
      <c r="AH29" s="664"/>
      <c r="AI29" s="664"/>
      <c r="AJ29" s="664"/>
      <c r="AK29" s="664"/>
      <c r="AL29" s="664"/>
      <c r="AM29" s="572"/>
    </row>
    <row r="30" spans="1:39" ht="18" customHeight="1" x14ac:dyDescent="0.15">
      <c r="A30" s="700">
        <v>25</v>
      </c>
      <c r="B30" s="701" t="s">
        <v>181</v>
      </c>
      <c r="C30" s="702">
        <v>1480</v>
      </c>
      <c r="D30" s="703">
        <v>27</v>
      </c>
      <c r="E30" s="702">
        <v>759</v>
      </c>
      <c r="F30" s="703">
        <v>28</v>
      </c>
      <c r="G30" s="702">
        <v>202</v>
      </c>
      <c r="H30" s="703">
        <v>24</v>
      </c>
      <c r="I30" s="702">
        <v>30056</v>
      </c>
      <c r="J30" s="703">
        <v>33</v>
      </c>
      <c r="K30" s="702">
        <v>0</v>
      </c>
      <c r="L30" s="699">
        <v>28</v>
      </c>
      <c r="M30" s="664"/>
      <c r="N30" s="664"/>
      <c r="O30" s="664"/>
      <c r="P30" s="664"/>
      <c r="Q30" s="664"/>
      <c r="R30" s="664"/>
      <c r="S30" s="664"/>
      <c r="T30" s="664"/>
      <c r="U30" s="664"/>
      <c r="V30" s="664"/>
      <c r="W30" s="664"/>
      <c r="X30" s="664"/>
      <c r="Y30" s="664"/>
      <c r="Z30" s="664"/>
      <c r="AA30" s="664"/>
      <c r="AB30" s="664"/>
      <c r="AC30" s="664"/>
      <c r="AD30" s="664"/>
      <c r="AE30" s="664"/>
      <c r="AF30" s="664"/>
      <c r="AG30" s="664"/>
      <c r="AH30" s="664"/>
      <c r="AI30" s="664"/>
      <c r="AJ30" s="664"/>
      <c r="AK30" s="664"/>
      <c r="AL30" s="664"/>
      <c r="AM30" s="572"/>
    </row>
    <row r="31" spans="1:39" ht="18" customHeight="1" x14ac:dyDescent="0.15">
      <c r="A31" s="700">
        <v>26</v>
      </c>
      <c r="B31" s="701" t="s">
        <v>179</v>
      </c>
      <c r="C31" s="702">
        <v>1320</v>
      </c>
      <c r="D31" s="703">
        <v>28</v>
      </c>
      <c r="E31" s="702">
        <v>752</v>
      </c>
      <c r="F31" s="703">
        <v>29</v>
      </c>
      <c r="G31" s="702">
        <v>275</v>
      </c>
      <c r="H31" s="703">
        <v>10</v>
      </c>
      <c r="I31" s="702">
        <v>44645</v>
      </c>
      <c r="J31" s="703">
        <v>3</v>
      </c>
      <c r="K31" s="702">
        <v>0</v>
      </c>
      <c r="L31" s="699">
        <v>28</v>
      </c>
      <c r="M31" s="664"/>
      <c r="N31" s="664"/>
      <c r="O31" s="664"/>
      <c r="P31" s="664"/>
      <c r="Q31" s="664"/>
      <c r="R31" s="664"/>
      <c r="S31" s="664"/>
      <c r="T31" s="664"/>
      <c r="U31" s="664"/>
      <c r="V31" s="664"/>
      <c r="W31" s="664"/>
      <c r="X31" s="664"/>
      <c r="Y31" s="664"/>
      <c r="Z31" s="664"/>
      <c r="AA31" s="664"/>
      <c r="AB31" s="664"/>
      <c r="AC31" s="664"/>
      <c r="AD31" s="664"/>
      <c r="AE31" s="664"/>
      <c r="AF31" s="664"/>
      <c r="AG31" s="664"/>
      <c r="AH31" s="664"/>
      <c r="AI31" s="664"/>
      <c r="AJ31" s="664"/>
      <c r="AK31" s="664"/>
      <c r="AL31" s="664"/>
      <c r="AM31" s="572"/>
    </row>
    <row r="32" spans="1:39" ht="18" customHeight="1" x14ac:dyDescent="0.15">
      <c r="A32" s="700">
        <v>27</v>
      </c>
      <c r="B32" s="701" t="s">
        <v>176</v>
      </c>
      <c r="C32" s="702">
        <v>1523</v>
      </c>
      <c r="D32" s="703">
        <v>24</v>
      </c>
      <c r="E32" s="702">
        <v>1183</v>
      </c>
      <c r="F32" s="703">
        <v>7</v>
      </c>
      <c r="G32" s="702">
        <v>568</v>
      </c>
      <c r="H32" s="703">
        <v>1</v>
      </c>
      <c r="I32" s="702">
        <v>47683</v>
      </c>
      <c r="J32" s="703">
        <v>2</v>
      </c>
      <c r="K32" s="702">
        <v>2</v>
      </c>
      <c r="L32" s="699">
        <v>27</v>
      </c>
      <c r="M32" s="664"/>
      <c r="N32" s="664"/>
      <c r="O32" s="664"/>
      <c r="P32" s="664"/>
      <c r="Q32" s="664"/>
      <c r="R32" s="664"/>
      <c r="S32" s="664"/>
      <c r="T32" s="664"/>
      <c r="U32" s="664"/>
      <c r="V32" s="664"/>
      <c r="W32" s="664"/>
      <c r="X32" s="664"/>
      <c r="Y32" s="664"/>
      <c r="Z32" s="664"/>
      <c r="AA32" s="664"/>
      <c r="AB32" s="664"/>
      <c r="AC32" s="664"/>
      <c r="AD32" s="664"/>
      <c r="AE32" s="664"/>
      <c r="AF32" s="664"/>
      <c r="AG32" s="664"/>
      <c r="AH32" s="664"/>
      <c r="AI32" s="664"/>
      <c r="AJ32" s="664"/>
      <c r="AK32" s="664"/>
      <c r="AL32" s="664"/>
      <c r="AM32" s="572"/>
    </row>
    <row r="33" spans="1:39" ht="18" customHeight="1" x14ac:dyDescent="0.15">
      <c r="A33" s="700">
        <v>28</v>
      </c>
      <c r="B33" s="701" t="s">
        <v>174</v>
      </c>
      <c r="C33" s="702">
        <v>1254</v>
      </c>
      <c r="D33" s="703">
        <v>29</v>
      </c>
      <c r="E33" s="702">
        <v>1296</v>
      </c>
      <c r="F33" s="703">
        <v>5</v>
      </c>
      <c r="G33" s="702">
        <v>137</v>
      </c>
      <c r="H33" s="703">
        <v>30</v>
      </c>
      <c r="I33" s="702">
        <v>43161</v>
      </c>
      <c r="J33" s="703">
        <v>4</v>
      </c>
      <c r="K33" s="702">
        <v>39</v>
      </c>
      <c r="L33" s="699">
        <v>6</v>
      </c>
      <c r="M33" s="664"/>
      <c r="N33" s="664"/>
      <c r="O33" s="664"/>
      <c r="P33" s="664"/>
      <c r="Q33" s="664"/>
      <c r="R33" s="664"/>
      <c r="S33" s="664"/>
      <c r="T33" s="664"/>
      <c r="U33" s="664"/>
      <c r="V33" s="664"/>
      <c r="W33" s="664"/>
      <c r="X33" s="664"/>
      <c r="Y33" s="664"/>
      <c r="Z33" s="664"/>
      <c r="AA33" s="664"/>
      <c r="AB33" s="664"/>
      <c r="AC33" s="664"/>
      <c r="AD33" s="664"/>
      <c r="AE33" s="664"/>
      <c r="AF33" s="664"/>
      <c r="AG33" s="664"/>
      <c r="AH33" s="664"/>
      <c r="AI33" s="664"/>
      <c r="AJ33" s="664"/>
      <c r="AK33" s="664"/>
      <c r="AL33" s="664"/>
      <c r="AM33" s="572"/>
    </row>
    <row r="34" spans="1:39" ht="18" customHeight="1" x14ac:dyDescent="0.15">
      <c r="A34" s="700">
        <v>29</v>
      </c>
      <c r="B34" s="701" t="s">
        <v>172</v>
      </c>
      <c r="C34" s="702">
        <v>1045</v>
      </c>
      <c r="D34" s="703">
        <v>30</v>
      </c>
      <c r="E34" s="702">
        <v>621</v>
      </c>
      <c r="F34" s="703">
        <v>32</v>
      </c>
      <c r="G34" s="702">
        <v>221</v>
      </c>
      <c r="H34" s="703">
        <v>21</v>
      </c>
      <c r="I34" s="702">
        <v>34886</v>
      </c>
      <c r="J34" s="703">
        <v>27</v>
      </c>
      <c r="K34" s="702">
        <v>29</v>
      </c>
      <c r="L34" s="699">
        <v>9</v>
      </c>
      <c r="M34" s="664"/>
      <c r="N34" s="664"/>
      <c r="O34" s="664"/>
      <c r="P34" s="664"/>
      <c r="Q34" s="664"/>
      <c r="R34" s="664"/>
      <c r="S34" s="664"/>
      <c r="T34" s="664"/>
      <c r="U34" s="664"/>
      <c r="V34" s="664"/>
      <c r="W34" s="664"/>
      <c r="X34" s="664"/>
      <c r="Y34" s="664"/>
      <c r="Z34" s="664"/>
      <c r="AA34" s="664"/>
      <c r="AB34" s="664"/>
      <c r="AC34" s="664"/>
      <c r="AD34" s="664"/>
      <c r="AE34" s="664"/>
      <c r="AF34" s="664"/>
      <c r="AG34" s="664"/>
      <c r="AH34" s="664"/>
      <c r="AI34" s="664"/>
      <c r="AJ34" s="664"/>
      <c r="AK34" s="664"/>
      <c r="AL34" s="664"/>
      <c r="AM34" s="572"/>
    </row>
    <row r="35" spans="1:39" ht="18" customHeight="1" x14ac:dyDescent="0.15">
      <c r="A35" s="700">
        <v>30</v>
      </c>
      <c r="B35" s="701" t="s">
        <v>170</v>
      </c>
      <c r="C35" s="702">
        <v>1853</v>
      </c>
      <c r="D35" s="703">
        <v>20</v>
      </c>
      <c r="E35" s="702">
        <v>774</v>
      </c>
      <c r="F35" s="703">
        <v>26</v>
      </c>
      <c r="G35" s="702">
        <v>228</v>
      </c>
      <c r="H35" s="703">
        <v>19</v>
      </c>
      <c r="I35" s="702">
        <v>51895</v>
      </c>
      <c r="J35" s="703">
        <v>1</v>
      </c>
      <c r="K35" s="702">
        <v>0</v>
      </c>
      <c r="L35" s="699">
        <v>28</v>
      </c>
      <c r="M35" s="664"/>
      <c r="N35" s="664"/>
      <c r="O35" s="664"/>
      <c r="P35" s="664"/>
      <c r="Q35" s="664"/>
      <c r="R35" s="664"/>
      <c r="S35" s="664"/>
      <c r="T35" s="664"/>
      <c r="U35" s="664"/>
      <c r="V35" s="664"/>
      <c r="W35" s="664"/>
      <c r="X35" s="664"/>
      <c r="Y35" s="664"/>
      <c r="Z35" s="664"/>
      <c r="AA35" s="664"/>
      <c r="AB35" s="664"/>
      <c r="AC35" s="664"/>
      <c r="AD35" s="664"/>
      <c r="AE35" s="664"/>
      <c r="AF35" s="664"/>
      <c r="AG35" s="664"/>
      <c r="AH35" s="664"/>
      <c r="AI35" s="664"/>
      <c r="AJ35" s="664"/>
      <c r="AK35" s="664"/>
      <c r="AL35" s="664"/>
      <c r="AM35" s="572"/>
    </row>
    <row r="36" spans="1:39" ht="18" customHeight="1" x14ac:dyDescent="0.15">
      <c r="A36" s="700">
        <v>31</v>
      </c>
      <c r="B36" s="701" t="s">
        <v>168</v>
      </c>
      <c r="C36" s="702">
        <v>2573</v>
      </c>
      <c r="D36" s="703">
        <v>8</v>
      </c>
      <c r="E36" s="702">
        <v>991</v>
      </c>
      <c r="F36" s="703">
        <v>15</v>
      </c>
      <c r="G36" s="702">
        <v>373</v>
      </c>
      <c r="H36" s="703">
        <v>4</v>
      </c>
      <c r="I36" s="702">
        <v>40005</v>
      </c>
      <c r="J36" s="703">
        <v>10</v>
      </c>
      <c r="K36" s="702">
        <v>8</v>
      </c>
      <c r="L36" s="699">
        <v>20</v>
      </c>
      <c r="M36" s="664"/>
      <c r="N36" s="664"/>
      <c r="O36" s="664"/>
      <c r="P36" s="664"/>
      <c r="Q36" s="664"/>
      <c r="R36" s="664"/>
      <c r="S36" s="664"/>
      <c r="T36" s="664"/>
      <c r="U36" s="664"/>
      <c r="V36" s="664"/>
      <c r="W36" s="664"/>
      <c r="X36" s="664"/>
      <c r="Y36" s="664"/>
      <c r="Z36" s="664"/>
      <c r="AA36" s="664"/>
      <c r="AB36" s="664"/>
      <c r="AC36" s="664"/>
      <c r="AD36" s="664"/>
      <c r="AE36" s="664"/>
      <c r="AF36" s="664"/>
      <c r="AG36" s="664"/>
      <c r="AH36" s="664"/>
      <c r="AI36" s="664"/>
      <c r="AJ36" s="664"/>
      <c r="AK36" s="664"/>
      <c r="AL36" s="664"/>
      <c r="AM36" s="572"/>
    </row>
    <row r="37" spans="1:39" ht="18" customHeight="1" x14ac:dyDescent="0.15">
      <c r="A37" s="700">
        <v>32</v>
      </c>
      <c r="B37" s="701" t="s">
        <v>165</v>
      </c>
      <c r="C37" s="702">
        <v>1796</v>
      </c>
      <c r="D37" s="703">
        <v>22</v>
      </c>
      <c r="E37" s="702">
        <v>1571</v>
      </c>
      <c r="F37" s="703">
        <v>1</v>
      </c>
      <c r="G37" s="702">
        <v>259</v>
      </c>
      <c r="H37" s="703">
        <v>14</v>
      </c>
      <c r="I37" s="702">
        <v>42886</v>
      </c>
      <c r="J37" s="703">
        <v>6</v>
      </c>
      <c r="K37" s="702">
        <v>5</v>
      </c>
      <c r="L37" s="699">
        <v>23</v>
      </c>
      <c r="M37" s="664"/>
      <c r="N37" s="664"/>
      <c r="O37" s="664"/>
      <c r="P37" s="664"/>
      <c r="Q37" s="664"/>
      <c r="R37" s="664"/>
      <c r="S37" s="664"/>
      <c r="T37" s="664"/>
      <c r="U37" s="664"/>
      <c r="V37" s="664"/>
      <c r="W37" s="664"/>
      <c r="X37" s="664"/>
      <c r="Y37" s="664"/>
      <c r="Z37" s="664"/>
      <c r="AA37" s="664"/>
      <c r="AB37" s="664"/>
      <c r="AC37" s="664"/>
      <c r="AD37" s="664"/>
      <c r="AE37" s="664"/>
      <c r="AF37" s="664"/>
      <c r="AG37" s="664"/>
      <c r="AH37" s="664"/>
      <c r="AI37" s="664"/>
      <c r="AJ37" s="664"/>
      <c r="AK37" s="664"/>
      <c r="AL37" s="664"/>
      <c r="AM37" s="572"/>
    </row>
    <row r="38" spans="1:39" ht="18" customHeight="1" x14ac:dyDescent="0.15">
      <c r="A38" s="700">
        <v>33</v>
      </c>
      <c r="B38" s="701" t="s">
        <v>162</v>
      </c>
      <c r="C38" s="702">
        <v>664</v>
      </c>
      <c r="D38" s="703">
        <v>33</v>
      </c>
      <c r="E38" s="702">
        <v>519</v>
      </c>
      <c r="F38" s="703">
        <v>33</v>
      </c>
      <c r="G38" s="702">
        <v>18</v>
      </c>
      <c r="H38" s="703">
        <v>33</v>
      </c>
      <c r="I38" s="702">
        <v>34014</v>
      </c>
      <c r="J38" s="703">
        <v>29</v>
      </c>
      <c r="K38" s="702">
        <v>0</v>
      </c>
      <c r="L38" s="699">
        <v>28</v>
      </c>
      <c r="M38" s="664"/>
      <c r="N38" s="664"/>
      <c r="O38" s="664"/>
      <c r="P38" s="664"/>
      <c r="Q38" s="664"/>
      <c r="R38" s="664"/>
      <c r="S38" s="664"/>
      <c r="T38" s="664"/>
      <c r="U38" s="664"/>
      <c r="V38" s="664"/>
      <c r="W38" s="664"/>
      <c r="X38" s="664"/>
      <c r="Y38" s="664"/>
      <c r="Z38" s="664"/>
      <c r="AA38" s="664"/>
      <c r="AB38" s="664"/>
      <c r="AC38" s="664"/>
      <c r="AD38" s="664"/>
      <c r="AE38" s="664"/>
      <c r="AF38" s="664"/>
      <c r="AG38" s="664"/>
      <c r="AH38" s="664"/>
      <c r="AI38" s="664"/>
      <c r="AJ38" s="664"/>
      <c r="AK38" s="664"/>
      <c r="AL38" s="664"/>
      <c r="AM38" s="572"/>
    </row>
    <row r="39" spans="1:39" ht="18" customHeight="1" x14ac:dyDescent="0.15">
      <c r="A39" s="700">
        <v>301</v>
      </c>
      <c r="B39" s="704" t="s">
        <v>402</v>
      </c>
      <c r="C39" s="702">
        <v>1261</v>
      </c>
      <c r="D39" s="703">
        <v>6</v>
      </c>
      <c r="E39" s="702">
        <v>47</v>
      </c>
      <c r="F39" s="703">
        <v>4</v>
      </c>
      <c r="G39" s="702">
        <v>15</v>
      </c>
      <c r="H39" s="703">
        <v>3</v>
      </c>
      <c r="I39" s="702">
        <v>12120</v>
      </c>
      <c r="J39" s="703">
        <v>4</v>
      </c>
      <c r="K39" s="702">
        <v>0</v>
      </c>
      <c r="L39" s="705">
        <v>2</v>
      </c>
      <c r="M39" s="664"/>
      <c r="N39" s="664"/>
      <c r="O39" s="664"/>
      <c r="P39" s="664"/>
      <c r="Q39" s="664"/>
      <c r="R39" s="664"/>
      <c r="S39" s="664"/>
      <c r="T39" s="664"/>
      <c r="U39" s="664"/>
      <c r="V39" s="664"/>
      <c r="W39" s="664"/>
      <c r="X39" s="664"/>
      <c r="Y39" s="664"/>
      <c r="Z39" s="664"/>
      <c r="AA39" s="664"/>
      <c r="AB39" s="664"/>
      <c r="AC39" s="664"/>
      <c r="AD39" s="664"/>
      <c r="AE39" s="664"/>
      <c r="AF39" s="664"/>
      <c r="AG39" s="664"/>
      <c r="AH39" s="664"/>
      <c r="AI39" s="664"/>
      <c r="AJ39" s="664"/>
      <c r="AK39" s="664"/>
      <c r="AL39" s="664"/>
      <c r="AM39" s="572"/>
    </row>
    <row r="40" spans="1:39" ht="18" customHeight="1" x14ac:dyDescent="0.15">
      <c r="A40" s="700">
        <v>302</v>
      </c>
      <c r="B40" s="704" t="s">
        <v>419</v>
      </c>
      <c r="C40" s="702">
        <v>2354</v>
      </c>
      <c r="D40" s="703">
        <v>3</v>
      </c>
      <c r="E40" s="702">
        <v>0</v>
      </c>
      <c r="F40" s="703">
        <v>5</v>
      </c>
      <c r="G40" s="702">
        <v>5</v>
      </c>
      <c r="H40" s="703">
        <v>5</v>
      </c>
      <c r="I40" s="702">
        <v>10459</v>
      </c>
      <c r="J40" s="703">
        <v>6</v>
      </c>
      <c r="K40" s="702">
        <v>0</v>
      </c>
      <c r="L40" s="705">
        <v>2</v>
      </c>
      <c r="M40" s="664"/>
      <c r="N40" s="664"/>
      <c r="O40" s="664"/>
      <c r="P40" s="664"/>
      <c r="Q40" s="664"/>
      <c r="R40" s="664"/>
      <c r="S40" s="664"/>
      <c r="T40" s="664"/>
      <c r="U40" s="664"/>
      <c r="V40" s="664"/>
      <c r="W40" s="664"/>
      <c r="X40" s="664"/>
      <c r="Y40" s="664"/>
      <c r="Z40" s="664"/>
      <c r="AA40" s="664"/>
      <c r="AB40" s="664"/>
      <c r="AC40" s="664"/>
      <c r="AD40" s="664"/>
      <c r="AE40" s="664"/>
      <c r="AF40" s="664"/>
      <c r="AG40" s="664"/>
      <c r="AH40" s="664"/>
      <c r="AI40" s="664"/>
      <c r="AJ40" s="664"/>
      <c r="AK40" s="664"/>
      <c r="AL40" s="664"/>
      <c r="AM40" s="572"/>
    </row>
    <row r="41" spans="1:39" ht="18" customHeight="1" x14ac:dyDescent="0.15">
      <c r="A41" s="700">
        <v>303</v>
      </c>
      <c r="B41" s="704" t="s">
        <v>319</v>
      </c>
      <c r="C41" s="702">
        <v>3792</v>
      </c>
      <c r="D41" s="703">
        <v>1</v>
      </c>
      <c r="E41" s="702">
        <v>374</v>
      </c>
      <c r="F41" s="703">
        <v>1</v>
      </c>
      <c r="G41" s="702">
        <v>132</v>
      </c>
      <c r="H41" s="703">
        <v>2</v>
      </c>
      <c r="I41" s="702">
        <v>24101</v>
      </c>
      <c r="J41" s="703">
        <v>1</v>
      </c>
      <c r="K41" s="702">
        <v>0</v>
      </c>
      <c r="L41" s="705">
        <v>2</v>
      </c>
      <c r="M41" s="664"/>
      <c r="N41" s="664"/>
      <c r="O41" s="664"/>
      <c r="P41" s="664"/>
      <c r="Q41" s="664"/>
      <c r="R41" s="664"/>
      <c r="S41" s="664"/>
      <c r="T41" s="664"/>
      <c r="U41" s="664"/>
      <c r="V41" s="664"/>
      <c r="W41" s="664"/>
      <c r="X41" s="664"/>
      <c r="Y41" s="664"/>
      <c r="Z41" s="664"/>
      <c r="AA41" s="664"/>
      <c r="AB41" s="664"/>
      <c r="AC41" s="664"/>
      <c r="AD41" s="664"/>
      <c r="AE41" s="664"/>
      <c r="AF41" s="664"/>
      <c r="AG41" s="664"/>
      <c r="AH41" s="664"/>
      <c r="AI41" s="664"/>
      <c r="AJ41" s="664"/>
      <c r="AK41" s="664"/>
      <c r="AL41" s="664"/>
      <c r="AM41" s="572"/>
    </row>
    <row r="42" spans="1:39" ht="18" customHeight="1" x14ac:dyDescent="0.15">
      <c r="A42" s="700">
        <v>304</v>
      </c>
      <c r="B42" s="704" t="s">
        <v>420</v>
      </c>
      <c r="C42" s="702">
        <v>2122</v>
      </c>
      <c r="D42" s="703">
        <v>5</v>
      </c>
      <c r="E42" s="702">
        <v>310</v>
      </c>
      <c r="F42" s="703">
        <v>2</v>
      </c>
      <c r="G42" s="702">
        <v>11</v>
      </c>
      <c r="H42" s="703">
        <v>4</v>
      </c>
      <c r="I42" s="702">
        <v>11386</v>
      </c>
      <c r="J42" s="703">
        <v>5</v>
      </c>
      <c r="K42" s="702">
        <v>0</v>
      </c>
      <c r="L42" s="705">
        <v>2</v>
      </c>
      <c r="M42" s="664"/>
      <c r="N42" s="664"/>
      <c r="O42" s="664"/>
      <c r="P42" s="664"/>
      <c r="Q42" s="664"/>
      <c r="R42" s="664"/>
      <c r="S42" s="664"/>
      <c r="T42" s="664"/>
      <c r="U42" s="664"/>
      <c r="V42" s="664"/>
      <c r="W42" s="664"/>
      <c r="X42" s="664"/>
      <c r="Y42" s="664"/>
      <c r="Z42" s="664"/>
      <c r="AA42" s="664"/>
      <c r="AB42" s="664"/>
      <c r="AC42" s="664"/>
      <c r="AD42" s="664"/>
      <c r="AE42" s="664"/>
      <c r="AF42" s="664"/>
      <c r="AG42" s="664"/>
      <c r="AH42" s="664"/>
      <c r="AI42" s="664"/>
      <c r="AJ42" s="664"/>
      <c r="AK42" s="664"/>
      <c r="AL42" s="664"/>
      <c r="AM42" s="572"/>
    </row>
    <row r="43" spans="1:39" ht="18" customHeight="1" x14ac:dyDescent="0.15">
      <c r="A43" s="700">
        <v>305</v>
      </c>
      <c r="B43" s="704" t="s">
        <v>421</v>
      </c>
      <c r="C43" s="702">
        <v>2466</v>
      </c>
      <c r="D43" s="703">
        <v>2</v>
      </c>
      <c r="E43" s="702">
        <v>0</v>
      </c>
      <c r="F43" s="703">
        <v>5</v>
      </c>
      <c r="G43" s="702">
        <v>0</v>
      </c>
      <c r="H43" s="703">
        <v>6</v>
      </c>
      <c r="I43" s="702">
        <v>14172</v>
      </c>
      <c r="J43" s="703">
        <v>3</v>
      </c>
      <c r="K43" s="702">
        <v>0</v>
      </c>
      <c r="L43" s="705">
        <v>2</v>
      </c>
      <c r="M43" s="664"/>
      <c r="N43" s="664"/>
      <c r="O43" s="664"/>
      <c r="P43" s="664"/>
      <c r="Q43" s="664"/>
      <c r="R43" s="664"/>
      <c r="S43" s="664"/>
      <c r="T43" s="664"/>
      <c r="U43" s="664"/>
      <c r="V43" s="664"/>
      <c r="W43" s="664"/>
      <c r="X43" s="664"/>
      <c r="Y43" s="664"/>
      <c r="Z43" s="664"/>
      <c r="AA43" s="664"/>
      <c r="AB43" s="664"/>
      <c r="AC43" s="664"/>
      <c r="AD43" s="664"/>
      <c r="AE43" s="664"/>
      <c r="AF43" s="664"/>
      <c r="AG43" s="664"/>
      <c r="AH43" s="664"/>
      <c r="AI43" s="664"/>
      <c r="AJ43" s="664"/>
      <c r="AK43" s="664"/>
      <c r="AL43" s="664"/>
      <c r="AM43" s="572"/>
    </row>
    <row r="44" spans="1:39" ht="18" customHeight="1" x14ac:dyDescent="0.15">
      <c r="A44" s="700">
        <v>306</v>
      </c>
      <c r="B44" s="704" t="s">
        <v>422</v>
      </c>
      <c r="C44" s="702">
        <v>2270</v>
      </c>
      <c r="D44" s="703">
        <v>4</v>
      </c>
      <c r="E44" s="702">
        <v>210</v>
      </c>
      <c r="F44" s="703">
        <v>3</v>
      </c>
      <c r="G44" s="702">
        <v>144</v>
      </c>
      <c r="H44" s="703">
        <v>1</v>
      </c>
      <c r="I44" s="702">
        <v>15880</v>
      </c>
      <c r="J44" s="703">
        <v>2</v>
      </c>
      <c r="K44" s="702">
        <v>2</v>
      </c>
      <c r="L44" s="705">
        <v>1</v>
      </c>
      <c r="M44" s="664"/>
      <c r="N44" s="664"/>
      <c r="O44" s="664"/>
      <c r="P44" s="664"/>
      <c r="Q44" s="664"/>
      <c r="R44" s="664"/>
      <c r="S44" s="664"/>
      <c r="T44" s="664"/>
      <c r="U44" s="664"/>
      <c r="V44" s="664"/>
      <c r="W44" s="664"/>
      <c r="X44" s="664"/>
      <c r="Y44" s="664"/>
      <c r="Z44" s="664"/>
      <c r="AA44" s="664"/>
      <c r="AB44" s="664"/>
      <c r="AC44" s="664"/>
      <c r="AD44" s="664"/>
      <c r="AE44" s="664"/>
      <c r="AF44" s="664"/>
      <c r="AG44" s="664"/>
      <c r="AH44" s="664"/>
      <c r="AI44" s="664"/>
      <c r="AJ44" s="664"/>
      <c r="AK44" s="664"/>
      <c r="AL44" s="664"/>
      <c r="AM44" s="572"/>
    </row>
    <row r="45" spans="1:39" ht="18" customHeight="1" x14ac:dyDescent="0.15">
      <c r="A45" s="1091" t="s">
        <v>404</v>
      </c>
      <c r="B45" s="1092"/>
      <c r="C45" s="702">
        <v>2478</v>
      </c>
      <c r="D45" s="628" t="s">
        <v>376</v>
      </c>
      <c r="E45" s="702">
        <v>965</v>
      </c>
      <c r="F45" s="628" t="s">
        <v>375</v>
      </c>
      <c r="G45" s="702">
        <v>256</v>
      </c>
      <c r="H45" s="628" t="s">
        <v>411</v>
      </c>
      <c r="I45" s="702">
        <v>36935</v>
      </c>
      <c r="J45" s="628" t="s">
        <v>423</v>
      </c>
      <c r="K45" s="702">
        <v>38</v>
      </c>
      <c r="L45" s="705" t="s">
        <v>377</v>
      </c>
      <c r="M45" s="664"/>
      <c r="N45" s="664"/>
      <c r="O45" s="664"/>
      <c r="P45" s="664"/>
      <c r="Q45" s="664"/>
      <c r="R45" s="664"/>
      <c r="S45" s="664"/>
      <c r="T45" s="664"/>
      <c r="U45" s="664"/>
      <c r="V45" s="664"/>
      <c r="W45" s="664"/>
      <c r="X45" s="664"/>
      <c r="Y45" s="664"/>
      <c r="Z45" s="664"/>
      <c r="AA45" s="664"/>
      <c r="AB45" s="664"/>
      <c r="AC45" s="664"/>
      <c r="AD45" s="664"/>
      <c r="AE45" s="664"/>
      <c r="AF45" s="664"/>
      <c r="AG45" s="664"/>
      <c r="AH45" s="664"/>
      <c r="AI45" s="664"/>
      <c r="AJ45" s="664"/>
      <c r="AK45" s="664"/>
      <c r="AL45" s="664"/>
      <c r="AM45" s="572"/>
    </row>
    <row r="46" spans="1:39" ht="18" customHeight="1" x14ac:dyDescent="0.15">
      <c r="A46" s="1091" t="s">
        <v>424</v>
      </c>
      <c r="B46" s="1092"/>
      <c r="C46" s="702">
        <v>2351</v>
      </c>
      <c r="D46" s="628" t="s">
        <v>411</v>
      </c>
      <c r="E46" s="702">
        <v>176</v>
      </c>
      <c r="F46" s="628" t="s">
        <v>423</v>
      </c>
      <c r="G46" s="702">
        <v>101</v>
      </c>
      <c r="H46" s="628" t="s">
        <v>376</v>
      </c>
      <c r="I46" s="702">
        <v>15484</v>
      </c>
      <c r="J46" s="628" t="s">
        <v>411</v>
      </c>
      <c r="K46" s="702">
        <v>1</v>
      </c>
      <c r="L46" s="705" t="s">
        <v>377</v>
      </c>
      <c r="M46" s="664"/>
      <c r="N46" s="664"/>
      <c r="O46" s="664"/>
      <c r="P46" s="664"/>
      <c r="Q46" s="664"/>
      <c r="R46" s="664"/>
      <c r="S46" s="664"/>
      <c r="T46" s="664"/>
      <c r="U46" s="664"/>
      <c r="V46" s="664"/>
      <c r="W46" s="664"/>
      <c r="X46" s="664"/>
      <c r="Y46" s="664"/>
      <c r="Z46" s="664"/>
      <c r="AA46" s="664"/>
      <c r="AB46" s="664"/>
      <c r="AC46" s="664"/>
      <c r="AD46" s="664"/>
      <c r="AE46" s="664"/>
      <c r="AF46" s="664"/>
      <c r="AG46" s="664"/>
      <c r="AH46" s="664"/>
      <c r="AI46" s="664"/>
      <c r="AJ46" s="664"/>
      <c r="AK46" s="664"/>
      <c r="AL46" s="664"/>
      <c r="AM46" s="572"/>
    </row>
    <row r="47" spans="1:39" ht="18" customHeight="1" thickBot="1" x14ac:dyDescent="0.2">
      <c r="A47" s="1093" t="s">
        <v>425</v>
      </c>
      <c r="B47" s="1094"/>
      <c r="C47" s="706">
        <v>2469</v>
      </c>
      <c r="D47" s="707" t="s">
        <v>423</v>
      </c>
      <c r="E47" s="706">
        <v>911</v>
      </c>
      <c r="F47" s="707" t="s">
        <v>423</v>
      </c>
      <c r="G47" s="706">
        <v>246</v>
      </c>
      <c r="H47" s="707" t="s">
        <v>376</v>
      </c>
      <c r="I47" s="706">
        <v>35472</v>
      </c>
      <c r="J47" s="707" t="s">
        <v>423</v>
      </c>
      <c r="K47" s="706">
        <v>35</v>
      </c>
      <c r="L47" s="708" t="s">
        <v>377</v>
      </c>
      <c r="M47" s="664"/>
      <c r="N47" s="664"/>
      <c r="O47" s="664"/>
      <c r="P47" s="664"/>
      <c r="Q47" s="664"/>
      <c r="R47" s="664"/>
      <c r="S47" s="664"/>
      <c r="T47" s="664"/>
      <c r="U47" s="664"/>
      <c r="V47" s="664"/>
      <c r="W47" s="664"/>
      <c r="X47" s="664"/>
      <c r="Y47" s="664"/>
      <c r="Z47" s="664"/>
      <c r="AA47" s="664"/>
      <c r="AB47" s="664"/>
      <c r="AC47" s="664"/>
      <c r="AD47" s="664"/>
      <c r="AE47" s="664"/>
      <c r="AF47" s="664"/>
      <c r="AG47" s="664"/>
      <c r="AH47" s="664"/>
      <c r="AI47" s="664"/>
      <c r="AJ47" s="664"/>
      <c r="AK47" s="664"/>
      <c r="AL47" s="664"/>
      <c r="AM47" s="572"/>
    </row>
    <row r="48" spans="1:39" ht="15.75" customHeight="1" x14ac:dyDescent="0.15">
      <c r="I48" s="691"/>
    </row>
    <row r="49" spans="1:1" ht="15.75" customHeight="1" x14ac:dyDescent="0.15">
      <c r="A49" s="643"/>
    </row>
  </sheetData>
  <mergeCells count="9">
    <mergeCell ref="G3:H4"/>
    <mergeCell ref="I3:J4"/>
    <mergeCell ref="K3:L4"/>
    <mergeCell ref="A45:B45"/>
    <mergeCell ref="A46:B46"/>
    <mergeCell ref="A47:B47"/>
    <mergeCell ref="A3:B5"/>
    <mergeCell ref="C3:D4"/>
    <mergeCell ref="E3:F4"/>
  </mergeCells>
  <phoneticPr fontId="12"/>
  <printOptions gridLinesSet="0"/>
  <pageMargins left="0.78740157480314965" right="0.59055118110236227" top="0.78740157480314965" bottom="0.59055118110236227" header="0.51181102362204722" footer="0.51181102362204722"/>
  <pageSetup paperSize="9" scale="82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</vt:i4>
      </vt:variant>
      <vt:variant>
        <vt:lpstr>名前付き一覧</vt:lpstr>
      </vt:variant>
      <vt:variant>
        <vt:i4>14</vt:i4>
      </vt:variant>
    </vt:vector>
  </HeadingPairs>
  <TitlesOfParts>
    <vt:vector size="23" baseType="lpstr">
      <vt:lpstr>第13表</vt:lpstr>
      <vt:lpstr>第14表</vt:lpstr>
      <vt:lpstr>第15表１～５</vt:lpstr>
      <vt:lpstr>第15表６～８</vt:lpstr>
      <vt:lpstr>第15表９～11</vt:lpstr>
      <vt:lpstr>第16表１～４</vt:lpstr>
      <vt:lpstr>第1７表</vt:lpstr>
      <vt:lpstr>第18表</vt:lpstr>
      <vt:lpstr>第19表</vt:lpstr>
      <vt:lpstr>第13表!Print_Area</vt:lpstr>
      <vt:lpstr>第14表!Print_Area</vt:lpstr>
      <vt:lpstr>'第15表１～５'!Print_Area</vt:lpstr>
      <vt:lpstr>'第15表６～８'!Print_Area</vt:lpstr>
      <vt:lpstr>'第15表９～11'!Print_Area</vt:lpstr>
      <vt:lpstr>'第16表１～４'!Print_Area</vt:lpstr>
      <vt:lpstr>第1７表!Print_Area</vt:lpstr>
      <vt:lpstr>第18表!Print_Area</vt:lpstr>
      <vt:lpstr>第19表!Print_Area</vt:lpstr>
      <vt:lpstr>第13表!Print_Area_MI</vt:lpstr>
      <vt:lpstr>第14表!Print_Area_MI</vt:lpstr>
      <vt:lpstr>第18表!Print_Titles</vt:lpstr>
      <vt:lpstr>第19表!Print_Titles</vt:lpstr>
      <vt:lpstr>第13表!Print_Titles_MI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7-21T06:27:15Z</cp:lastPrinted>
  <dcterms:created xsi:type="dcterms:W3CDTF">2021-10-29T06:41:38Z</dcterms:created>
  <dcterms:modified xsi:type="dcterms:W3CDTF">2022-07-21T06:29:49Z</dcterms:modified>
</cp:coreProperties>
</file>